
<file path=[Content_Types].xml><?xml version="1.0" encoding="utf-8"?>
<Types xmlns="http://schemas.openxmlformats.org/package/2006/content-types">
  <Default ContentType="application/vnd.openxmlformats-officedocument.spreadsheetml.printerSettings" Extension="bin"/>
  <Default ContentType="image/png" Extension="png"/>
  <Default ContentType="application/vnd.openxmlformats-package.relationships+xml" Extension="rels"/>
  <Default ContentType="application/vnd.openxmlformats-officedocument.vmlDrawing" Extension="vml"/>
  <Default ContentType="application/xml" Extension="xml"/>
  <Override ContentType="application/vnd.openxmlformats-officedocument.customXmlProperties+xml" PartName="/customXml/itemProps1.xml"/>
  <Override ContentType="application/vnd.openxmlformats-officedocument.customXmlProperties+xml" PartName="/customXml/itemProps2.xml"/>
  <Override ContentType="application/vnd.openxmlformats-officedocument.customXmlProperties+xml" PartName="/customXml/itemProps3.xml"/>
  <Override ContentType="application/vnd.openxmlformats-officedocument.extended-properties+xml" PartName="/docProps/app.xml"/>
  <Override ContentType="application/vnd.openxmlformats-package.core-properties+xml" PartName="/docProps/core.xml"/>
  <Override ContentType="application/vnd.openxmlformats-officedocument.custom-properties+xml" PartName="/docProps/custom.xml"/>
  <Override ContentType="application/vnd.openxmlformats-officedocument.spreadsheetml.calcChain+xml" PartName="/xl/calcChain.xml"/>
  <Override ContentType="application/vnd.openxmlformats-officedocument.spreadsheetml.comments+xml" PartName="/xl/comments1.xml"/>
  <Override ContentType="application/vnd.openxmlformats-officedocument.spreadsheetml.comments+xml" PartName="/xl/comments2.xml"/>
  <Override ContentType="application/vnd.openxmlformats-officedocument.drawing+xml" PartName="/xl/drawings/drawing1.xml"/>
  <Override ContentType="application/vnd.openxmlformats-officedocument.drawing+xml" PartName="/xl/drawings/drawing2.xml"/>
  <Override ContentType="application/vnd.openxmlformats-officedocument.drawing+xml" PartName="/xl/drawings/drawing3.xml"/>
  <Override ContentType="application/vnd.openxmlformats-officedocument.drawing+xml" PartName="/xl/drawings/drawing4.xml"/>
  <Override ContentType="application/vnd.openxmlformats-officedocument.drawing+xml" PartName="/xl/drawings/drawing5.xml"/>
  <Override ContentType="application/vnd.openxmlformats-officedocument.drawing+xml" PartName="/xl/drawings/drawing6.xml"/>
  <Override ContentType="application/vnd.openxmlformats-officedocument.drawing+xml" PartName="/xl/drawings/drawing7.xml"/>
  <Override ContentType="application/vnd.openxmlformats-officedocument.drawing+xml" PartName="/xl/drawings/drawing8.xml"/>
  <Override ContentType="application/vnd.openxmlformats-officedocument.drawing+xml" PartName="/xl/drawings/drawing9.xml"/>
  <Override ContentType="application/vnd.openxmlformats-officedocument.drawing+xml" PartName="/xl/drawings/drawing10.xml"/>
  <Override ContentType="application/vnd.openxmlformats-officedocument.drawing+xml" PartName="/xl/drawings/drawing11.xml"/>
  <Override ContentType="application/vnd.openxmlformats-officedocument.drawing+xml" PartName="/xl/drawings/drawing12.xml"/>
  <Override ContentType="application/vnd.openxmlformats-officedocument.spreadsheetml.sharedStrings+xml" PartName="/xl/sharedStrings.xml"/>
  <Override ContentType="application/vnd.openxmlformats-officedocument.spreadsheetml.styles+xml" PartName="/xl/styles.xml"/>
  <Override ContentType="application/vnd.openxmlformats-officedocument.theme+xml" PartName="/xl/theme/theme1.xml"/>
  <Override ContentType="application/vnd.openxmlformats-officedocument.spreadsheetml.sheet.main+xml" PartName="/xl/workbook.xml"/>
  <Override ContentType="application/vnd.openxmlformats-officedocument.spreadsheetml.worksheet+xml" PartName="/xl/worksheets/sheet1.xml"/>
  <Override ContentType="application/vnd.openxmlformats-officedocument.spreadsheetml.worksheet+xml" PartName="/xl/worksheets/sheet2.xml"/>
  <Override ContentType="application/vnd.openxmlformats-officedocument.spreadsheetml.worksheet+xml" PartName="/xl/worksheets/sheet3.xml"/>
  <Override ContentType="application/vnd.openxmlformats-officedocument.spreadsheetml.worksheet+xml" PartName="/xl/worksheets/sheet4.xml"/>
  <Override ContentType="application/vnd.openxmlformats-officedocument.spreadsheetml.worksheet+xml" PartName="/xl/worksheets/sheet5.xml"/>
  <Override ContentType="application/vnd.openxmlformats-officedocument.spreadsheetml.worksheet+xml" PartName="/xl/worksheets/sheet6.xml"/>
  <Override ContentType="application/vnd.openxmlformats-officedocument.spreadsheetml.worksheet+xml" PartName="/xl/worksheets/sheet7.xml"/>
  <Override ContentType="application/vnd.openxmlformats-officedocument.spreadsheetml.worksheet+xml" PartName="/xl/worksheets/sheet8.xml"/>
  <Override ContentType="application/vnd.openxmlformats-officedocument.spreadsheetml.worksheet+xml" PartName="/xl/worksheets/sheet9.xml"/>
  <Override ContentType="application/vnd.openxmlformats-officedocument.spreadsheetml.worksheet+xml" PartName="/xl/worksheets/sheet10.xml"/>
  <Override ContentType="application/vnd.openxmlformats-officedocument.spreadsheetml.worksheet+xml" PartName="/xl/worksheets/sheet11.xml"/>
  <Override ContentType="application/vnd.openxmlformats-officedocument.spreadsheetml.worksheet+xml" PartName="/xl/worksheets/sheet12.xml"/>
  <Override ContentType="application/vnd.openxmlformats-officedocument.spreadsheetml.worksheet+xml" PartName="/xl/worksheets/sheet13.xml"/>
  <Override ContentType="application/vnd.openxmlformats-officedocument.spreadsheetml.worksheet+xml" PartName="/xl/worksheets/sheet14.xml"/>
  <Override ContentType="application/vnd.openxmlformats-officedocument.spreadsheetml.worksheet+xml" PartName="/xl/worksheets/sheet15.xml"/>
  <Override ContentType="application/vnd.openxmlformats-officedocument.spreadsheetml.worksheet+xml" PartName="/xl/worksheets/sheet16.xml"/>
  <Override ContentType="application/vnd.openxmlformats-officedocument.spreadsheetml.worksheet+xml" PartName="/xl/worksheets/sheet17.xml"/>
  <Override ContentType="application/vnd.openxmlformats-officedocument.spreadsheetml.worksheet+xml" PartName="/xl/worksheets/sheet18.xml"/>
  <Override ContentType="application/vnd.openxmlformats-officedocument.spreadsheetml.worksheet+xml" PartName="/xl/worksheets/sheet19.xml"/>
  <Override ContentType="application/vnd.openxmlformats-officedocument.spreadsheetml.worksheet+xml" PartName="/xl/worksheets/sheet20.xml"/>
  <Override ContentType="application/vnd.openxmlformats-officedocument.spreadsheetml.worksheet+xml" PartName="/xl/worksheets/sheet21.xml"/>
  <Override ContentType="application/vnd.openxmlformats-officedocument.spreadsheetml.worksheet+xml" PartName="/xl/worksheets/sheet22.xml"/>
  <Override ContentType="application/vnd.openxmlformats-officedocument.spreadsheetml.worksheet+xml" PartName="/xl/worksheets/sheet23.xml"/>
  <Override ContentType="application/vnd.openxmlformats-officedocument.spreadsheetml.worksheet+xml" PartName="/xl/worksheets/sheet24.xml"/>
  <Override ContentType="application/vnd.openxmlformats-officedocument.spreadsheetml.worksheet+xml" PartName="/xl/worksheets/sheet25.xml"/>
  <Override ContentType="application/vnd.openxmlformats-officedocument.spreadsheetml.worksheet+xml" PartName="/xl/worksheets/sheet26.xml"/>
  <Override ContentType="application/vnd.openxmlformats-officedocument.spreadsheetml.worksheet+xml" PartName="/xl/worksheets/sheet27.xml"/>
  <Override ContentType="application/vnd.openxmlformats-officedocument.spreadsheetml.worksheet+xml" PartName="/xl/worksheets/sheet28.xml"/>
  <Override ContentType="application/vnd.openxmlformats-officedocument.spreadsheetml.worksheet+xml" PartName="/xl/worksheets/sheet29.xml"/>
</Types>
</file>

<file path=_rels/.rels><?xml version="1.0" encoding="UTF-8" standalone="yes"?><Relationships xmlns="http://schemas.openxmlformats.org/package/2006/relationships"><Relationship Id="rId1" Target="xl/workbook.xml" Type="http://schemas.openxmlformats.org/officeDocument/2006/relationships/officeDocument"/><Relationship Id="rId2" Target="docProps/core.xml" Type="http://schemas.openxmlformats.org/package/2006/relationships/metadata/core-properties"/><Relationship Id="rId3" Target="docProps/app.xml" Type="http://schemas.openxmlformats.org/officeDocument/2006/relationships/extended-properties"/><Relationship Id="rId4" Target="docProps/custom.xml" Type="http://schemas.openxmlformats.org/officeDocument/2006/relationships/custom-properties"/></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codeName="ThisWorkbook"/>
  <mc:AlternateContent xmlns:mc="http://schemas.openxmlformats.org/markup-compatibility/2006">
    <mc:Choice Requires="x15">
      <x15ac:absPath xmlns:x15ac="http://schemas.microsoft.com/office/spreadsheetml/2010/11/ac" url="C:\Users\s2059\Downloads\"/>
    </mc:Choice>
  </mc:AlternateContent>
  <xr:revisionPtr revIDLastSave="0" documentId="13_ncr:1_{6A3D6A15-EF68-4D48-9043-EC7D056ABECA}" xr6:coauthVersionLast="47" xr6:coauthVersionMax="47" xr10:uidLastSave="{00000000-0000-0000-0000-000000000000}"/>
  <bookViews>
    <workbookView xWindow="-108" yWindow="-108" windowWidth="23256" windowHeight="15576" tabRatio="931" firstSheet="15" activeTab="15" xr2:uid="{00000000-000D-0000-FFFF-FFFF00000000}"/>
  </bookViews>
  <sheets>
    <sheet name="はじめに" sheetId="1" r:id="rId1"/>
    <sheet name="留意点" sheetId="23" r:id="rId2"/>
    <sheet name="Sheet1" sheetId="41" state="hidden" r:id="rId3"/>
    <sheet name="【調達機関情報】" sheetId="3" r:id="rId4"/>
    <sheet name="【1-1】電気（概要）" sheetId="4" r:id="rId5"/>
    <sheet name="【1-2】電気（高圧・特別高圧）" sheetId="5" r:id="rId6"/>
    <sheet name="【1-3】電気（低圧等）" sheetId="6" r:id="rId7"/>
    <sheet name="【1-4】電気（アンケート）" sheetId="28" r:id="rId8"/>
    <sheet name="【2-1】自動車（概要）" sheetId="7" r:id="rId9"/>
    <sheet name="【2-2】自動車（詳細）" sheetId="8" r:id="rId10"/>
    <sheet name="【3-1】船舶1（概略設計・基本設計）" sheetId="9" r:id="rId11"/>
    <sheet name="【3-2】船舶2（小型船舶）" sheetId="10" r:id="rId12"/>
    <sheet name="【4-1A】建築物設計（概要）" sheetId="26" r:id="rId13"/>
    <sheet name="【4-1B】建築物設計（詳細）" sheetId="14" r:id="rId14"/>
    <sheet name="【4-2A】建築物維持管理（概要）" sheetId="33" r:id="rId15"/>
    <sheet name="【4-2B】建築物維持管理（詳細）" sheetId="39" r:id="rId16"/>
    <sheet name="【4-2B】建築物維持管理（詳細）※記載例" sheetId="43" r:id="rId17"/>
    <sheet name="一覧" sheetId="40" state="hidden" r:id="rId18"/>
    <sheet name="【4-3A】建築物改修（改修計画）" sheetId="34" r:id="rId19"/>
    <sheet name="【4-3B】建築物改修（ESCO検討）" sheetId="11" r:id="rId20"/>
    <sheet name="【4-3C】建築物改修（ESCO事業）" sheetId="12" r:id="rId21"/>
    <sheet name="【4-3D】建築物改修（その他概要）" sheetId="35" r:id="rId22"/>
    <sheet name="【4-3E】建築物改修（その他詳細）" sheetId="38" r:id="rId23"/>
    <sheet name="【4-3E】建築物改修（その他詳細）※記載例" sheetId="37" r:id="rId24"/>
    <sheet name="【5-1】産廃（概要）" sheetId="15" r:id="rId25"/>
    <sheet name="【5-2】産廃（詳細）" sheetId="16" r:id="rId26"/>
    <sheet name="【5-3】産廃（アンケート）" sheetId="18" r:id="rId27"/>
    <sheet name="(参考)産廃換算表" sheetId="17" r:id="rId28"/>
    <sheet name="【6】その他" sheetId="19" r:id="rId29"/>
  </sheets>
  <definedNames>
    <definedName name="_xlnm.Print_Area" localSheetId="27">'(参考)産廃換算表'!$A$1:$E$43</definedName>
    <definedName name="_xlnm.Print_Area" localSheetId="4">'【1-1】電気（概要）'!$A$1:$H$42</definedName>
    <definedName name="_xlnm.Print_Area" localSheetId="5">'【1-2】電気（高圧・特別高圧）'!$A$1:$CY$100</definedName>
    <definedName name="_xlnm.Print_Area" localSheetId="6">'【1-3】電気（低圧等）'!$A$1:$CZ$100</definedName>
    <definedName name="_xlnm.Print_Area" localSheetId="8">'【2-1】自動車（概要）'!$A$1:$H$48</definedName>
    <definedName name="_xlnm.Print_Area" localSheetId="9">'【2-2】自動車（詳細）'!$A$1:$AB$32</definedName>
    <definedName name="_xlnm.Print_Area" localSheetId="13">'【4-1B】建築物設計（詳細）'!$A$1:$H$43</definedName>
    <definedName name="_xlnm.Print_Area" localSheetId="14">'【4-2A】建築物維持管理（概要）'!$A$1:$E$33</definedName>
    <definedName name="_xlnm.Print_Area" localSheetId="15">'【4-2B】建築物維持管理（詳細）'!$A:$K</definedName>
    <definedName name="_xlnm.Print_Area" localSheetId="16">'【4-2B】建築物維持管理（詳細）※記載例'!$A:$K</definedName>
    <definedName name="_xlnm.Print_Area" localSheetId="18">'【4-3A】建築物改修（改修計画）'!$A$1:$K$44</definedName>
    <definedName name="_xlnm.Print_Area" localSheetId="19">'【4-3B】建築物改修（ESCO検討）'!$A$1:$J$34</definedName>
    <definedName name="_xlnm.Print_Area" localSheetId="20">'【4-3C】建築物改修（ESCO事業）'!$A$1:$J$76</definedName>
    <definedName name="_xlnm.Print_Area" localSheetId="21">'【4-3D】建築物改修（その他概要）'!$A$1:$E$33</definedName>
    <definedName name="_xlnm.Print_Area" localSheetId="22">'【4-3E】建築物改修（その他詳細）'!$A$1:$I$99</definedName>
    <definedName name="_xlnm.Print_Area" localSheetId="23">'【4-3E】建築物改修（その他詳細）※記載例'!$A$1:$I$99</definedName>
    <definedName name="_xlnm.Print_Area" localSheetId="24">'【5-1】産廃（概要）'!$A$1:$F$27</definedName>
    <definedName name="_xlnm.Print_Area" localSheetId="25">'【5-2】産廃（詳細）'!$A$1:$AP$44</definedName>
    <definedName name="_xlnm.Print_Area" localSheetId="26">'【5-3】産廃（アンケート）'!$A$1:$F$23</definedName>
    <definedName name="_xlnm.Print_Area" localSheetId="3">【調達機関情報】!$A$1:$E$68</definedName>
    <definedName name="_xlnm.Print_Area" localSheetId="0">はじめに!$A$1:$G$48</definedName>
    <definedName name="_xlnm.Print_Area" localSheetId="1">留意点!$A$1:$G$96</definedName>
    <definedName name="_xlnm.Print_Titles" localSheetId="5">'【1-2】電気（高圧・特別高圧）'!$13:$14</definedName>
    <definedName name="_xlnm.Print_Titles" localSheetId="6">'【1-3】電気（低圧等）'!$14:$15</definedName>
    <definedName name="Z_0199004E_6640_4BE5_B2D5_6A0A715378D4_.wvu.PrintArea" localSheetId="4" hidden="1">'【1-1】電気（概要）'!$A:$E</definedName>
    <definedName name="Z_0199004E_6640_4BE5_B2D5_6A0A715378D4_.wvu.PrintArea" localSheetId="5" hidden="1">'【1-2】電気（高圧・特別高圧）'!$A$1:$CS$105</definedName>
    <definedName name="Z_0199004E_6640_4BE5_B2D5_6A0A715378D4_.wvu.PrintArea" localSheetId="6" hidden="1">'【1-3】電気（低圧等）'!$A$1:$BX$105</definedName>
    <definedName name="Z_0199004E_6640_4BE5_B2D5_6A0A715378D4_.wvu.PrintArea" localSheetId="8" hidden="1">'【2-1】自動車（概要）'!$A$1:$H$21</definedName>
    <definedName name="Z_0199004E_6640_4BE5_B2D5_6A0A715378D4_.wvu.PrintArea" localSheetId="9" hidden="1">'【2-2】自動車（詳細）'!$A:$AB</definedName>
    <definedName name="Z_0199004E_6640_4BE5_B2D5_6A0A715378D4_.wvu.PrintArea" localSheetId="24" hidden="1">'【5-1】産廃（概要）'!$A$1:$F$27</definedName>
    <definedName name="Z_0199004E_6640_4BE5_B2D5_6A0A715378D4_.wvu.PrintArea" localSheetId="0" hidden="1">はじめに!$A$1:$G$48</definedName>
    <definedName name="Z_0199004E_6640_4BE5_B2D5_6A0A715378D4_.wvu.PrintTitles" localSheetId="5" hidden="1">'【1-2】電気（高圧・特別高圧）'!$13:$14</definedName>
    <definedName name="Z_0199004E_6640_4BE5_B2D5_6A0A715378D4_.wvu.PrintTitles" localSheetId="6" hidden="1">'【1-3】電気（低圧等）'!$14:$15</definedName>
    <definedName name="Z_96F83B05_D121_40EB_85BB_212F4250A2EA_.wvu.Cols" localSheetId="25" hidden="1">'【5-2】産廃（詳細）'!$AR:$AR</definedName>
    <definedName name="Z_96F83B05_D121_40EB_85BB_212F4250A2EA_.wvu.PrintArea" localSheetId="27" hidden="1">'(参考)産廃換算表'!$A$1:$E$43</definedName>
    <definedName name="Z_96F83B05_D121_40EB_85BB_212F4250A2EA_.wvu.PrintArea" localSheetId="4" hidden="1">'【1-1】電気（概要）'!$A$1:$G$42</definedName>
    <definedName name="Z_96F83B05_D121_40EB_85BB_212F4250A2EA_.wvu.PrintArea" localSheetId="5" hidden="1">'【1-2】電気（高圧・特別高圧）'!$A$1:$CV$105</definedName>
    <definedName name="Z_96F83B05_D121_40EB_85BB_212F4250A2EA_.wvu.PrintArea" localSheetId="6" hidden="1">'【1-3】電気（低圧等）'!$A$1:$CX$105</definedName>
    <definedName name="Z_96F83B05_D121_40EB_85BB_212F4250A2EA_.wvu.PrintArea" localSheetId="8" hidden="1">'【2-1】自動車（概要）'!$A$1:$H$36</definedName>
    <definedName name="Z_96F83B05_D121_40EB_85BB_212F4250A2EA_.wvu.PrintArea" localSheetId="9" hidden="1">'【2-2】自動車（詳細）'!$A$1:$AB$32</definedName>
    <definedName name="Z_96F83B05_D121_40EB_85BB_212F4250A2EA_.wvu.PrintArea" localSheetId="24" hidden="1">'【5-1】産廃（概要）'!$A$1:$F$27</definedName>
    <definedName name="Z_96F83B05_D121_40EB_85BB_212F4250A2EA_.wvu.PrintArea" localSheetId="25" hidden="1">'【5-2】産廃（詳細）'!$A$1:$AP$44</definedName>
    <definedName name="Z_96F83B05_D121_40EB_85BB_212F4250A2EA_.wvu.PrintArea" localSheetId="26" hidden="1">'【5-3】産廃（アンケート）'!$A$1:$F$22</definedName>
    <definedName name="Z_96F83B05_D121_40EB_85BB_212F4250A2EA_.wvu.PrintArea" localSheetId="0" hidden="1">はじめに!$A$1:$G$48</definedName>
    <definedName name="Z_96F83B05_D121_40EB_85BB_212F4250A2EA_.wvu.PrintArea" localSheetId="1" hidden="1">留意点!$A:$G</definedName>
    <definedName name="Z_96F83B05_D121_40EB_85BB_212F4250A2EA_.wvu.PrintTitles" localSheetId="5" hidden="1">'【1-2】電気（高圧・特別高圧）'!$13:$14</definedName>
    <definedName name="Z_96F83B05_D121_40EB_85BB_212F4250A2EA_.wvu.PrintTitles" localSheetId="6" hidden="1">'【1-3】電気（低圧等）'!$14:$15</definedName>
  </definedNames>
  <calcPr calcId="191029"/>
  <customWorkbookViews>
    <customWorkbookView name="高橋 晴彦 - 個人用ビュー" guid="{96F83B05-D121-40EB-85BB-212F4250A2EA}" mergeInterval="0" personalView="1" maximized="1" xWindow="-11" yWindow="-11" windowWidth="1942" windowHeight="1042" tabRatio="931" activeSheetId="5"/>
    <customWorkbookView name="関根 瑞恵 - 個人用ビュー" guid="{0199004E-6640-4BE5-B2D5-6A0A715378D4}" mergeInterval="0" personalView="1" maximized="1" windowWidth="1260" windowHeight="471" tabRatio="938" activeSheetId="1"/>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45" i="7" l="1"/>
  <c r="E45" i="7"/>
  <c r="Z39" i="40"/>
  <c r="Y39" i="40"/>
  <c r="X39" i="40"/>
  <c r="W39" i="40"/>
  <c r="V39" i="40"/>
  <c r="U39" i="40"/>
  <c r="T39" i="40"/>
  <c r="S39" i="40"/>
  <c r="R39" i="40"/>
  <c r="Z38" i="40"/>
  <c r="Y38" i="40"/>
  <c r="X38" i="40"/>
  <c r="W38" i="40"/>
  <c r="V38" i="40"/>
  <c r="U38" i="40"/>
  <c r="T38" i="40"/>
  <c r="S38" i="40"/>
  <c r="R38" i="40"/>
  <c r="Z32" i="40"/>
  <c r="Y32" i="40"/>
  <c r="X32" i="40"/>
  <c r="W32" i="40"/>
  <c r="V32" i="40"/>
  <c r="U32" i="40"/>
  <c r="T32" i="40"/>
  <c r="S32" i="40"/>
  <c r="R32" i="40"/>
  <c r="Z31" i="40"/>
  <c r="Y31" i="40"/>
  <c r="X31" i="40"/>
  <c r="W31" i="40"/>
  <c r="V31" i="40"/>
  <c r="U31" i="40"/>
  <c r="T31" i="40"/>
  <c r="S31" i="40"/>
  <c r="R31" i="40"/>
  <c r="Z26" i="40"/>
  <c r="Y26" i="40"/>
  <c r="X26" i="40"/>
  <c r="W26" i="40"/>
  <c r="V26" i="40"/>
  <c r="U26" i="40"/>
  <c r="T26" i="40"/>
  <c r="S26" i="40"/>
  <c r="R26" i="40"/>
  <c r="Z25" i="40"/>
  <c r="Y25" i="40"/>
  <c r="X25" i="40"/>
  <c r="W25" i="40"/>
  <c r="V25" i="40"/>
  <c r="U25" i="40"/>
  <c r="T25" i="40"/>
  <c r="S25" i="40"/>
  <c r="R25" i="40"/>
  <c r="Z24" i="40"/>
  <c r="Y24" i="40"/>
  <c r="X24" i="40"/>
  <c r="W24" i="40"/>
  <c r="V24" i="40"/>
  <c r="U24" i="40"/>
  <c r="T24" i="40"/>
  <c r="S24" i="40"/>
  <c r="R24" i="40"/>
  <c r="Z19" i="40"/>
  <c r="Y19" i="40"/>
  <c r="X19" i="40"/>
  <c r="W19" i="40"/>
  <c r="V19" i="40"/>
  <c r="U19" i="40"/>
  <c r="T19" i="40"/>
  <c r="S19" i="40"/>
  <c r="R19" i="40"/>
  <c r="Z18" i="40"/>
  <c r="Y18" i="40"/>
  <c r="X18" i="40"/>
  <c r="W18" i="40"/>
  <c r="V18" i="40"/>
  <c r="U18" i="40"/>
  <c r="T18" i="40"/>
  <c r="S18" i="40"/>
  <c r="R18" i="40"/>
  <c r="Z17" i="40"/>
  <c r="Y17" i="40"/>
  <c r="X17" i="40"/>
  <c r="W17" i="40"/>
  <c r="V17" i="40"/>
  <c r="U17" i="40"/>
  <c r="T17" i="40"/>
  <c r="S17" i="40"/>
  <c r="R17" i="40"/>
  <c r="CE100" i="6"/>
  <c r="CE99" i="6"/>
  <c r="CE98" i="6"/>
  <c r="CE97" i="6"/>
  <c r="CE96" i="6"/>
  <c r="CE95" i="6"/>
  <c r="CE94" i="6"/>
  <c r="CE93" i="6"/>
  <c r="CE92" i="6"/>
  <c r="CE91" i="6"/>
  <c r="CE90" i="6"/>
  <c r="CE89" i="6"/>
  <c r="CE88" i="6"/>
  <c r="CE87" i="6"/>
  <c r="CE86" i="6"/>
  <c r="CE85" i="6"/>
  <c r="CE84" i="6"/>
  <c r="CE83" i="6"/>
  <c r="CE82" i="6"/>
  <c r="CE81" i="6"/>
  <c r="CE80" i="6"/>
  <c r="CE79" i="6"/>
  <c r="CE78" i="6"/>
  <c r="CE77" i="6"/>
  <c r="CE76" i="6"/>
  <c r="CE75" i="6"/>
  <c r="CE74" i="6"/>
  <c r="CE73" i="6"/>
  <c r="CE72" i="6"/>
  <c r="CE71" i="6"/>
  <c r="CE70" i="6"/>
  <c r="CE69" i="6"/>
  <c r="CE68" i="6"/>
  <c r="CE67" i="6"/>
  <c r="CE66" i="6"/>
  <c r="CE65" i="6"/>
  <c r="CE64" i="6"/>
  <c r="CE63" i="6"/>
  <c r="CE62" i="6"/>
  <c r="CE61" i="6"/>
  <c r="CE60" i="6"/>
  <c r="CE59" i="6"/>
  <c r="CE58" i="6"/>
  <c r="CE57" i="6"/>
  <c r="CE56" i="6"/>
  <c r="CE55" i="6"/>
  <c r="CE54" i="6"/>
  <c r="CE53" i="6"/>
  <c r="CE52" i="6"/>
  <c r="CE51" i="6"/>
  <c r="CE50" i="6"/>
  <c r="CE49" i="6"/>
  <c r="CE48" i="6"/>
  <c r="CE47" i="6"/>
  <c r="CE46" i="6"/>
  <c r="CE45" i="6"/>
  <c r="CE44" i="6"/>
  <c r="CE43" i="6"/>
  <c r="CE42" i="6"/>
  <c r="CE41" i="6"/>
  <c r="CE40" i="6"/>
  <c r="CE39" i="6"/>
  <c r="CE38" i="6"/>
  <c r="CE37" i="6"/>
  <c r="CE36" i="6"/>
  <c r="CE35" i="6"/>
  <c r="CE34" i="6"/>
  <c r="CE33" i="6"/>
  <c r="CE32" i="6"/>
  <c r="CE31" i="6"/>
  <c r="CE30" i="6"/>
  <c r="CE29" i="6"/>
  <c r="CE28" i="6"/>
  <c r="CE27" i="6"/>
  <c r="CE26" i="6"/>
  <c r="CE25" i="6"/>
  <c r="CE24" i="6"/>
  <c r="CE23" i="6"/>
  <c r="CE22" i="6"/>
  <c r="CE21" i="6"/>
  <c r="CE20" i="6"/>
  <c r="CE18" i="6"/>
  <c r="CE17" i="6"/>
  <c r="CE16" i="6"/>
  <c r="CD100" i="5"/>
  <c r="CD99" i="5"/>
  <c r="CD98" i="5"/>
  <c r="CD97" i="5"/>
  <c r="CD96" i="5"/>
  <c r="CD95" i="5"/>
  <c r="CD94" i="5"/>
  <c r="CD93" i="5"/>
  <c r="CD92" i="5"/>
  <c r="CD91" i="5"/>
  <c r="CD90" i="5"/>
  <c r="CD89" i="5"/>
  <c r="CD88" i="5"/>
  <c r="CD87" i="5"/>
  <c r="CD86" i="5"/>
  <c r="CD85" i="5"/>
  <c r="CD84" i="5"/>
  <c r="CD83" i="5"/>
  <c r="CD82" i="5"/>
  <c r="CD81" i="5"/>
  <c r="CD80" i="5"/>
  <c r="CD79" i="5"/>
  <c r="CD78" i="5"/>
  <c r="CD77" i="5"/>
  <c r="CD76" i="5"/>
  <c r="CD75" i="5"/>
  <c r="CD74" i="5"/>
  <c r="CD73" i="5"/>
  <c r="CD72" i="5"/>
  <c r="CD71" i="5"/>
  <c r="CD70" i="5"/>
  <c r="CD69" i="5"/>
  <c r="CD68" i="5"/>
  <c r="CD67" i="5"/>
  <c r="CD66" i="5"/>
  <c r="CD65" i="5"/>
  <c r="CD64" i="5"/>
  <c r="CD63" i="5"/>
  <c r="CD62" i="5"/>
  <c r="CD61" i="5"/>
  <c r="CD60" i="5"/>
  <c r="CD59" i="5"/>
  <c r="CD58" i="5"/>
  <c r="CD57" i="5"/>
  <c r="CD56" i="5"/>
  <c r="CD55" i="5"/>
  <c r="CD54" i="5"/>
  <c r="CD53" i="5"/>
  <c r="CD52" i="5"/>
  <c r="CD51" i="5"/>
  <c r="CD50" i="5"/>
  <c r="CD49" i="5"/>
  <c r="CD48" i="5"/>
  <c r="CD47" i="5"/>
  <c r="CD46" i="5"/>
  <c r="CD45" i="5"/>
  <c r="CD44" i="5"/>
  <c r="CD43" i="5"/>
  <c r="CD42" i="5"/>
  <c r="CD41" i="5"/>
  <c r="CD40" i="5"/>
  <c r="CD39" i="5"/>
  <c r="CD38" i="5"/>
  <c r="CD37" i="5"/>
  <c r="CD36" i="5"/>
  <c r="CD35" i="5"/>
  <c r="CD34" i="5"/>
  <c r="CD33" i="5"/>
  <c r="CD32" i="5"/>
  <c r="CD31" i="5"/>
  <c r="CD30" i="5"/>
  <c r="CD29" i="5"/>
  <c r="CD28" i="5"/>
  <c r="CD27" i="5"/>
  <c r="CD26" i="5"/>
  <c r="CD25" i="5"/>
  <c r="CD24" i="5"/>
  <c r="CD23" i="5"/>
  <c r="CD22" i="5"/>
  <c r="CD21" i="5"/>
  <c r="CD19" i="5"/>
  <c r="CD17" i="5"/>
  <c r="CD16" i="5"/>
  <c r="CD15" i="5"/>
  <c r="L22" i="39" l="1"/>
  <c r="G14" i="39"/>
  <c r="I16" i="39" s="1"/>
  <c r="J16" i="39" s="1"/>
  <c r="H19" i="16"/>
  <c r="H44" i="16"/>
  <c r="H43" i="16"/>
  <c r="H42" i="16"/>
  <c r="H41" i="16"/>
  <c r="H40" i="16"/>
  <c r="H39" i="16"/>
  <c r="H38" i="16"/>
  <c r="H37" i="16"/>
  <c r="H36" i="16"/>
  <c r="H35" i="16"/>
  <c r="H34" i="16"/>
  <c r="H33" i="16"/>
  <c r="H32" i="16"/>
  <c r="H31" i="16"/>
  <c r="H30" i="16"/>
  <c r="H29" i="16"/>
  <c r="H28" i="16"/>
  <c r="H27" i="16"/>
  <c r="H26" i="16"/>
  <c r="H25" i="16"/>
  <c r="H24" i="16"/>
  <c r="H23" i="16"/>
  <c r="H22" i="16"/>
  <c r="H21" i="16"/>
  <c r="H20" i="16"/>
  <c r="H18" i="16"/>
  <c r="H17" i="16"/>
  <c r="H15" i="16"/>
  <c r="H14" i="16"/>
  <c r="I28" i="43" l="1"/>
  <c r="H28" i="43"/>
  <c r="G28" i="43"/>
  <c r="I27" i="43"/>
  <c r="H27" i="43"/>
  <c r="G27" i="43"/>
  <c r="I26" i="43"/>
  <c r="H26" i="43"/>
  <c r="G26" i="43"/>
  <c r="H25" i="43"/>
  <c r="J25" i="43" s="1"/>
  <c r="I24" i="43"/>
  <c r="H24" i="43"/>
  <c r="J24" i="43" s="1"/>
  <c r="G24" i="43"/>
  <c r="J23" i="43"/>
  <c r="H23" i="43"/>
  <c r="G23" i="43"/>
  <c r="J22" i="43"/>
  <c r="H22" i="43"/>
  <c r="G22" i="43"/>
  <c r="I15" i="43"/>
  <c r="G14" i="43"/>
  <c r="H23" i="39"/>
  <c r="J23" i="39"/>
  <c r="J27" i="43" l="1"/>
  <c r="J28" i="43"/>
  <c r="J26" i="43"/>
  <c r="J29" i="43" s="1"/>
  <c r="J30" i="43" s="1"/>
  <c r="H29" i="43"/>
  <c r="H30" i="43" s="1"/>
  <c r="J15" i="43"/>
  <c r="AF41" i="40" l="1"/>
  <c r="AB41" i="40"/>
  <c r="AF40" i="40"/>
  <c r="AB40" i="40"/>
  <c r="AF39" i="40"/>
  <c r="AB39" i="40"/>
  <c r="AF38" i="40"/>
  <c r="AB38" i="40"/>
  <c r="AF37" i="40"/>
  <c r="AB37" i="40"/>
  <c r="AF36" i="40"/>
  <c r="AB36" i="40"/>
  <c r="AF35" i="40"/>
  <c r="AB35" i="40"/>
  <c r="AF34" i="40"/>
  <c r="AB34" i="40"/>
  <c r="AF33" i="40"/>
  <c r="AB33" i="40"/>
  <c r="AF27" i="40"/>
  <c r="AB27" i="40"/>
  <c r="AF26" i="40"/>
  <c r="AB26" i="40"/>
  <c r="AF25" i="40"/>
  <c r="AB25" i="40"/>
  <c r="AF24" i="40"/>
  <c r="AB24" i="40"/>
  <c r="AF23" i="40"/>
  <c r="AB23" i="40"/>
  <c r="AF22" i="40"/>
  <c r="AB22" i="40"/>
  <c r="AF21" i="40"/>
  <c r="AB21" i="40"/>
  <c r="AF20" i="40"/>
  <c r="AB20" i="40"/>
  <c r="AF19" i="40"/>
  <c r="AB19" i="40"/>
  <c r="P32" i="40"/>
  <c r="P39" i="40" s="1"/>
  <c r="P31" i="40"/>
  <c r="P38" i="40" s="1"/>
  <c r="K32" i="40"/>
  <c r="N32" i="40" s="1"/>
  <c r="Q32" i="40" s="1"/>
  <c r="Q39" i="40" s="1"/>
  <c r="N31" i="40"/>
  <c r="Q31" i="40" s="1"/>
  <c r="Q38" i="40" s="1"/>
  <c r="K19" i="40"/>
  <c r="N19" i="40" s="1"/>
  <c r="Q19" i="40" s="1"/>
  <c r="K18" i="40"/>
  <c r="N18" i="40" s="1"/>
  <c r="Q18" i="40" s="1"/>
  <c r="N17" i="40"/>
  <c r="Q17" i="40" s="1"/>
  <c r="P19" i="40" l="1"/>
  <c r="P26" i="40" s="1"/>
  <c r="P18" i="40"/>
  <c r="P25" i="40" s="1"/>
  <c r="P17" i="40"/>
  <c r="P24" i="40" s="1"/>
  <c r="J22" i="39" l="1"/>
  <c r="H27" i="39"/>
  <c r="H24" i="39"/>
  <c r="L28" i="39" l="1"/>
  <c r="L27" i="39"/>
  <c r="L26" i="39"/>
  <c r="L25" i="39"/>
  <c r="L24" i="39"/>
  <c r="L23" i="39"/>
  <c r="AF13" i="40" l="1"/>
  <c r="AB13" i="40"/>
  <c r="AF12" i="40"/>
  <c r="AB12" i="40"/>
  <c r="AF11" i="40"/>
  <c r="AB11" i="40"/>
  <c r="AF10" i="40"/>
  <c r="AB10" i="40"/>
  <c r="AF9" i="40"/>
  <c r="AB9" i="40"/>
  <c r="AF8" i="40"/>
  <c r="AB8" i="40"/>
  <c r="AF7" i="40"/>
  <c r="AB7" i="40"/>
  <c r="AF6" i="40"/>
  <c r="AB6" i="40"/>
  <c r="P6" i="40"/>
  <c r="P13" i="40" s="1"/>
  <c r="K6" i="40"/>
  <c r="N6" i="40" s="1"/>
  <c r="AF5" i="40"/>
  <c r="AB5" i="40"/>
  <c r="P5" i="40"/>
  <c r="P12" i="40" s="1"/>
  <c r="K5" i="40"/>
  <c r="N5" i="40" s="1"/>
  <c r="P4" i="40"/>
  <c r="P11" i="40" s="1"/>
  <c r="K4" i="40"/>
  <c r="P3" i="40"/>
  <c r="P10" i="40" s="1"/>
  <c r="N3" i="40"/>
  <c r="I28" i="39"/>
  <c r="H28" i="39"/>
  <c r="G28" i="39"/>
  <c r="I27" i="39"/>
  <c r="G27" i="39"/>
  <c r="I26" i="39"/>
  <c r="H26" i="39"/>
  <c r="G26" i="39"/>
  <c r="H25" i="39"/>
  <c r="J25" i="39" s="1"/>
  <c r="I24" i="39"/>
  <c r="J24" i="39" s="1"/>
  <c r="G24" i="39"/>
  <c r="G23" i="39"/>
  <c r="H22" i="39"/>
  <c r="G22" i="39"/>
  <c r="I15" i="39"/>
  <c r="N4" i="40" l="1"/>
  <c r="I16" i="43"/>
  <c r="I31" i="39"/>
  <c r="F31" i="39"/>
  <c r="H29" i="39"/>
  <c r="H30" i="39" s="1"/>
  <c r="Q3" i="40"/>
  <c r="Q10" i="40" s="1"/>
  <c r="Q24" i="40"/>
  <c r="Q5" i="40"/>
  <c r="Q12" i="40" s="1"/>
  <c r="Q26" i="40"/>
  <c r="Q6" i="40"/>
  <c r="Q13" i="40" s="1"/>
  <c r="Q4" i="40"/>
  <c r="Q11" i="40" s="1"/>
  <c r="Q25" i="40"/>
  <c r="J26" i="39"/>
  <c r="J28" i="39"/>
  <c r="J27" i="39"/>
  <c r="J15" i="39"/>
  <c r="J16" i="43" l="1"/>
  <c r="I31" i="43"/>
  <c r="J31" i="43" s="1"/>
  <c r="J32" i="43" s="1"/>
  <c r="F31" i="43"/>
  <c r="H31" i="43" s="1"/>
  <c r="H32" i="43" s="1"/>
  <c r="H31" i="39"/>
  <c r="H32" i="39" s="1"/>
  <c r="J29" i="39"/>
  <c r="J30" i="39" s="1"/>
  <c r="J31" i="39" l="1"/>
  <c r="J32" i="39" s="1"/>
  <c r="D28" i="35" l="1"/>
  <c r="D20" i="33"/>
  <c r="F23" i="26" l="1"/>
  <c r="E23" i="26"/>
  <c r="F15" i="26"/>
  <c r="F24" i="26" s="1"/>
  <c r="F12" i="26"/>
  <c r="E24" i="26" s="1"/>
  <c r="D19" i="9" l="1"/>
  <c r="B33" i="4"/>
  <c r="B14" i="4"/>
  <c r="D15" i="15" a="1"/>
  <c r="D15" i="15" s="1"/>
  <c r="B23" i="4"/>
  <c r="C14" i="4"/>
  <c r="D69" i="3"/>
  <c r="G5" i="43" s="1"/>
  <c r="E15" i="15" a="1"/>
  <c r="E15" i="15" s="1"/>
  <c r="F15" i="15" a="1"/>
  <c r="F15" i="15" s="1"/>
  <c r="D16" i="15" a="1"/>
  <c r="D16" i="15" s="1"/>
  <c r="E16" i="15" a="1"/>
  <c r="E16" i="15" s="1"/>
  <c r="F16" i="15" a="1"/>
  <c r="F16" i="15" s="1"/>
  <c r="D17" i="15" a="1"/>
  <c r="D17" i="15" s="1"/>
  <c r="E17" i="15" a="1"/>
  <c r="E17" i="15" s="1"/>
  <c r="F17" i="15" a="1"/>
  <c r="F17" i="15" s="1"/>
  <c r="D25" i="15" a="1"/>
  <c r="D25" i="15" s="1"/>
  <c r="E25" i="15" a="1"/>
  <c r="E25" i="15" s="1"/>
  <c r="F25" i="15" a="1"/>
  <c r="F25" i="15" s="1"/>
  <c r="D26" i="15" a="1"/>
  <c r="D26" i="15" s="1"/>
  <c r="E26" i="15" a="1"/>
  <c r="E26" i="15" s="1"/>
  <c r="F26" i="15" a="1"/>
  <c r="F26" i="15" s="1"/>
  <c r="D27" i="15" a="1"/>
  <c r="D27" i="15" s="1"/>
  <c r="E27" i="15" a="1"/>
  <c r="E27" i="15" s="1"/>
  <c r="F27" i="15" a="1"/>
  <c r="F27" i="15" s="1"/>
  <c r="E28" i="7"/>
  <c r="F28" i="7"/>
  <c r="CE101" i="6"/>
  <c r="CE102" i="6"/>
  <c r="CE103" i="6"/>
  <c r="CE104" i="6"/>
  <c r="CE105" i="6"/>
  <c r="D14" i="4"/>
  <c r="E14" i="4"/>
  <c r="F14" i="4"/>
  <c r="G14" i="4"/>
  <c r="C23" i="4"/>
  <c r="D23" i="4"/>
  <c r="E23" i="4"/>
  <c r="F23" i="4"/>
  <c r="G23" i="4"/>
  <c r="C33" i="4"/>
  <c r="D33" i="4"/>
  <c r="E33" i="4"/>
  <c r="F33" i="4"/>
  <c r="G33" i="4"/>
  <c r="B42" i="4"/>
  <c r="C42" i="4"/>
  <c r="D42" i="4"/>
  <c r="E42" i="4"/>
  <c r="F42" i="4"/>
  <c r="G42" i="4"/>
  <c r="G5" i="39" l="1"/>
  <c r="E5" i="38"/>
  <c r="E5" i="37"/>
  <c r="G5" i="34"/>
  <c r="D5" i="33"/>
  <c r="D5" i="35"/>
  <c r="E5" i="26"/>
  <c r="F5" i="28"/>
  <c r="D5" i="9"/>
  <c r="H5" i="6"/>
  <c r="G5" i="11"/>
  <c r="T5" i="8"/>
  <c r="G5" i="5"/>
  <c r="G5" i="12"/>
  <c r="E5" i="15"/>
  <c r="D5" i="18"/>
  <c r="F5" i="19"/>
  <c r="V5" i="16"/>
  <c r="D5" i="7"/>
  <c r="F5" i="4"/>
  <c r="F5" i="14"/>
  <c r="I5" i="10"/>
  <c r="C27" i="15"/>
  <c r="C25" i="15"/>
  <c r="C16" i="15"/>
  <c r="F18" i="15"/>
  <c r="C26" i="15"/>
  <c r="C17" i="15"/>
  <c r="E18" i="15"/>
  <c r="C15" i="15"/>
  <c r="D18" i="15"/>
  <c r="C18" i="15"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yamakage</author>
  </authors>
  <commentList>
    <comment ref="I12" authorId="0" shapeId="0" xr:uid="{00000000-0006-0000-0F00-000001000000}">
      <text>
        <r>
          <rPr>
            <b/>
            <sz val="9"/>
            <color indexed="81"/>
            <rFont val="ＭＳ Ｐゴシック"/>
            <family val="3"/>
            <charset val="128"/>
          </rPr>
          <t>複数の建物がある場合は、
延床面積及びエネルギー
使用量は合算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yamakage</author>
  </authors>
  <commentList>
    <comment ref="I12" authorId="0" shapeId="0" xr:uid="{00000000-0006-0000-1000-000001000000}">
      <text>
        <r>
          <rPr>
            <b/>
            <sz val="9"/>
            <color indexed="81"/>
            <rFont val="ＭＳ Ｐゴシック"/>
            <family val="3"/>
            <charset val="128"/>
          </rPr>
          <t>複数の建物がある場合は、
延床面積及びエネルギー
使用量は合算してください。</t>
        </r>
      </text>
    </comment>
  </commentList>
</comments>
</file>

<file path=xl/sharedStrings.xml><?xml version="1.0" encoding="utf-8"?>
<sst xmlns="http://schemas.openxmlformats.org/spreadsheetml/2006/main" count="2594" uniqueCount="1369">
  <si>
    <t>・</t>
    <phoneticPr fontId="7"/>
  </si>
  <si>
    <t>３．船舶の調達に係る契約</t>
    <rPh sb="2" eb="4">
      <t>センパク</t>
    </rPh>
    <rPh sb="5" eb="7">
      <t>チョウタツ</t>
    </rPh>
    <rPh sb="8" eb="9">
      <t>カカ</t>
    </rPh>
    <rPh sb="10" eb="12">
      <t>ケイヤク</t>
    </rPh>
    <phoneticPr fontId="7"/>
  </si>
  <si>
    <t>総合評価落札方式</t>
  </si>
  <si>
    <t>入札結果</t>
  </si>
  <si>
    <t>様式２－２</t>
    <rPh sb="0" eb="2">
      <t>ヨウシキ</t>
    </rPh>
    <phoneticPr fontId="7"/>
  </si>
  <si>
    <t>（１）総合評価落札方式による自動車の購入及び賃貸借の実績</t>
  </si>
  <si>
    <t>自動車の購入台数</t>
    <rPh sb="0" eb="3">
      <t>ジドウシャ</t>
    </rPh>
    <rPh sb="4" eb="6">
      <t>コウニュウ</t>
    </rPh>
    <rPh sb="6" eb="8">
      <t>ダイスウ</t>
    </rPh>
    <phoneticPr fontId="7"/>
  </si>
  <si>
    <t>総数</t>
    <rPh sb="0" eb="2">
      <t>ソウスウ</t>
    </rPh>
    <phoneticPr fontId="7"/>
  </si>
  <si>
    <t>左記のうち総合評価落札方式による購入台数</t>
    <rPh sb="0" eb="2">
      <t>サキ</t>
    </rPh>
    <rPh sb="5" eb="7">
      <t>ソウゴウ</t>
    </rPh>
    <rPh sb="7" eb="9">
      <t>ヒョウカ</t>
    </rPh>
    <rPh sb="9" eb="11">
      <t>ラクサツ</t>
    </rPh>
    <rPh sb="11" eb="13">
      <t>ホウシキ</t>
    </rPh>
    <rPh sb="16" eb="18">
      <t>コウニュウ</t>
    </rPh>
    <rPh sb="18" eb="20">
      <t>ダイスウ</t>
    </rPh>
    <phoneticPr fontId="7"/>
  </si>
  <si>
    <t>※総合評価落札方式に
　よらない場合を含む</t>
    <phoneticPr fontId="7"/>
  </si>
  <si>
    <t>自動車の賃貸借台数</t>
    <rPh sb="0" eb="3">
      <t>ジドウシャ</t>
    </rPh>
    <rPh sb="4" eb="7">
      <t>チンタイシャク</t>
    </rPh>
    <rPh sb="7" eb="9">
      <t>ダイスウ</t>
    </rPh>
    <phoneticPr fontId="7"/>
  </si>
  <si>
    <t>左記のうち総合評価落札方式による賃貸借台数</t>
    <rPh sb="0" eb="2">
      <t>サキ</t>
    </rPh>
    <rPh sb="5" eb="7">
      <t>ソウゴウ</t>
    </rPh>
    <rPh sb="7" eb="9">
      <t>ヒョウカ</t>
    </rPh>
    <rPh sb="9" eb="11">
      <t>ラクサツ</t>
    </rPh>
    <rPh sb="11" eb="13">
      <t>ホウシキ</t>
    </rPh>
    <rPh sb="16" eb="19">
      <t>チンタイシャク</t>
    </rPh>
    <rPh sb="19" eb="21">
      <t>ダイスウ</t>
    </rPh>
    <phoneticPr fontId="7"/>
  </si>
  <si>
    <t>様式２－１</t>
    <rPh sb="0" eb="2">
      <t>ヨウシキ</t>
    </rPh>
    <phoneticPr fontId="7"/>
  </si>
  <si>
    <t>（２）総合評価落札方式を採用しなかった理由</t>
    <phoneticPr fontId="7"/>
  </si>
  <si>
    <t>フィージビリティ・スタディの実施状況</t>
    <rPh sb="14" eb="16">
      <t>ジッシ</t>
    </rPh>
    <rPh sb="16" eb="18">
      <t>ジョウキョウ</t>
    </rPh>
    <phoneticPr fontId="7"/>
  </si>
  <si>
    <t>対象施設名</t>
    <rPh sb="0" eb="2">
      <t>タイショウ</t>
    </rPh>
    <rPh sb="2" eb="4">
      <t>シセツ</t>
    </rPh>
    <rPh sb="4" eb="5">
      <t>メイ</t>
    </rPh>
    <phoneticPr fontId="7"/>
  </si>
  <si>
    <t>施設概要</t>
    <rPh sb="0" eb="2">
      <t>シセツ</t>
    </rPh>
    <rPh sb="2" eb="4">
      <t>ガイヨウ</t>
    </rPh>
    <phoneticPr fontId="7"/>
  </si>
  <si>
    <t>延床面積計</t>
    <rPh sb="0" eb="1">
      <t>ノ</t>
    </rPh>
    <rPh sb="1" eb="2">
      <t>ユカ</t>
    </rPh>
    <rPh sb="2" eb="4">
      <t>メンセキ</t>
    </rPh>
    <rPh sb="4" eb="5">
      <t>ケイ</t>
    </rPh>
    <phoneticPr fontId="7"/>
  </si>
  <si>
    <t>㎡</t>
    <phoneticPr fontId="7"/>
  </si>
  <si>
    <t>棟数</t>
    <rPh sb="0" eb="1">
      <t>ムネ</t>
    </rPh>
    <rPh sb="1" eb="2">
      <t>カズ</t>
    </rPh>
    <phoneticPr fontId="7"/>
  </si>
  <si>
    <t>棟</t>
    <rPh sb="0" eb="1">
      <t>ムネ</t>
    </rPh>
    <phoneticPr fontId="7"/>
  </si>
  <si>
    <t>契約電力</t>
    <rPh sb="0" eb="2">
      <t>ケイヤク</t>
    </rPh>
    <rPh sb="2" eb="4">
      <t>デンリョク</t>
    </rPh>
    <phoneticPr fontId="7"/>
  </si>
  <si>
    <t>kW</t>
    <phoneticPr fontId="7"/>
  </si>
  <si>
    <t>空調設備</t>
    <rPh sb="0" eb="2">
      <t>クウチョウ</t>
    </rPh>
    <rPh sb="2" eb="4">
      <t>セツビ</t>
    </rPh>
    <phoneticPr fontId="7"/>
  </si>
  <si>
    <t>フィージビリティ・スタディ</t>
    <phoneticPr fontId="7"/>
  </si>
  <si>
    <t>実施年月</t>
    <rPh sb="0" eb="2">
      <t>ジッシ</t>
    </rPh>
    <rPh sb="2" eb="4">
      <t>ネンゲツ</t>
    </rPh>
    <phoneticPr fontId="7"/>
  </si>
  <si>
    <t>年</t>
    <rPh sb="0" eb="1">
      <t>ネン</t>
    </rPh>
    <phoneticPr fontId="7"/>
  </si>
  <si>
    <t>月</t>
    <rPh sb="0" eb="1">
      <t>ツキ</t>
    </rPh>
    <phoneticPr fontId="7"/>
  </si>
  <si>
    <t>結果</t>
    <rPh sb="0" eb="2">
      <t>ケッカ</t>
    </rPh>
    <phoneticPr fontId="7"/>
  </si>
  <si>
    <t>備考</t>
    <rPh sb="0" eb="2">
      <t>ビコウ</t>
    </rPh>
    <phoneticPr fontId="7"/>
  </si>
  <si>
    <t>事業主</t>
    <rPh sb="0" eb="3">
      <t>ジギョウヌシ</t>
    </rPh>
    <phoneticPr fontId="7"/>
  </si>
  <si>
    <r>
      <t xml:space="preserve">施設概要
</t>
    </r>
    <r>
      <rPr>
        <sz val="9"/>
        <color indexed="8"/>
        <rFont val="ＭＳ Ｐゴシック"/>
        <family val="3"/>
        <charset val="128"/>
      </rPr>
      <t>（※階数、築年数は主たる建築物を記載）</t>
    </r>
    <rPh sb="0" eb="2">
      <t>シセツ</t>
    </rPh>
    <rPh sb="2" eb="4">
      <t>ガイヨウ</t>
    </rPh>
    <rPh sb="7" eb="9">
      <t>カイスウ</t>
    </rPh>
    <rPh sb="10" eb="13">
      <t>チクネンスウ</t>
    </rPh>
    <rPh sb="14" eb="15">
      <t>シュ</t>
    </rPh>
    <rPh sb="17" eb="20">
      <t>ケンチクブツ</t>
    </rPh>
    <rPh sb="21" eb="23">
      <t>キサイ</t>
    </rPh>
    <phoneticPr fontId="7"/>
  </si>
  <si>
    <t>所在地</t>
    <rPh sb="0" eb="3">
      <t>ショザイチ</t>
    </rPh>
    <phoneticPr fontId="7"/>
  </si>
  <si>
    <t>階数</t>
    <rPh sb="0" eb="2">
      <t>カイスウ</t>
    </rPh>
    <phoneticPr fontId="7"/>
  </si>
  <si>
    <t>築年数</t>
    <rPh sb="0" eb="3">
      <t>チクネンスウ</t>
    </rPh>
    <phoneticPr fontId="7"/>
  </si>
  <si>
    <t>記載例（主に熱源設備を記載）：●●冷凍機○kW×●台、○○ボイラー○kW×●台</t>
    <rPh sb="0" eb="2">
      <t>キサイ</t>
    </rPh>
    <rPh sb="2" eb="3">
      <t>レイ</t>
    </rPh>
    <rPh sb="4" eb="5">
      <t>オモ</t>
    </rPh>
    <rPh sb="6" eb="8">
      <t>ネツゲン</t>
    </rPh>
    <rPh sb="8" eb="10">
      <t>セツビ</t>
    </rPh>
    <rPh sb="11" eb="13">
      <t>キサイ</t>
    </rPh>
    <rPh sb="17" eb="20">
      <t>レイトウキ</t>
    </rPh>
    <rPh sb="25" eb="26">
      <t>ダイ</t>
    </rPh>
    <rPh sb="38" eb="39">
      <t>ダイ</t>
    </rPh>
    <phoneticPr fontId="7"/>
  </si>
  <si>
    <t>契約方式・期間</t>
    <rPh sb="0" eb="2">
      <t>ケイヤク</t>
    </rPh>
    <rPh sb="2" eb="4">
      <t>ホウシキ</t>
    </rPh>
    <rPh sb="5" eb="7">
      <t>キカン</t>
    </rPh>
    <phoneticPr fontId="7"/>
  </si>
  <si>
    <t>１　ギャランティード・セイビングス契約</t>
    <rPh sb="17" eb="19">
      <t>ケイヤク</t>
    </rPh>
    <phoneticPr fontId="7"/>
  </si>
  <si>
    <t>２　シェアード・セイビングス契約</t>
    <phoneticPr fontId="7"/>
  </si>
  <si>
    <t>３　その他　（具体的に：　　　　　　　　　　　　　　　　　　　　　　　　　　　　　　　　　　　　）</t>
    <rPh sb="4" eb="5">
      <t>タ</t>
    </rPh>
    <rPh sb="7" eb="10">
      <t>グタイテキ</t>
    </rPh>
    <phoneticPr fontId="7"/>
  </si>
  <si>
    <t>期間</t>
    <rPh sb="0" eb="2">
      <t>キカン</t>
    </rPh>
    <phoneticPr fontId="7"/>
  </si>
  <si>
    <t>年</t>
    <phoneticPr fontId="7"/>
  </si>
  <si>
    <t>事業規模（支払金額）</t>
    <rPh sb="0" eb="2">
      <t>ジギョウ</t>
    </rPh>
    <rPh sb="2" eb="4">
      <t>キボ</t>
    </rPh>
    <rPh sb="5" eb="7">
      <t>シハライ</t>
    </rPh>
    <rPh sb="7" eb="9">
      <t>キンガク</t>
    </rPh>
    <phoneticPr fontId="7"/>
  </si>
  <si>
    <t>初年度</t>
    <rPh sb="0" eb="3">
      <t>ショネンド</t>
    </rPh>
    <phoneticPr fontId="7"/>
  </si>
  <si>
    <t>円／年</t>
    <phoneticPr fontId="7"/>
  </si>
  <si>
    <t>２年目
以降</t>
    <rPh sb="1" eb="3">
      <t>ネンメ</t>
    </rPh>
    <rPh sb="4" eb="6">
      <t>イコウ</t>
    </rPh>
    <phoneticPr fontId="7"/>
  </si>
  <si>
    <t>円／年</t>
    <phoneticPr fontId="7"/>
  </si>
  <si>
    <t>タイプ</t>
    <phoneticPr fontId="7"/>
  </si>
  <si>
    <t>１　設備更新型ESCO事業である</t>
    <rPh sb="2" eb="4">
      <t>セツビ</t>
    </rPh>
    <rPh sb="4" eb="7">
      <t>コウシンガタ</t>
    </rPh>
    <rPh sb="11" eb="13">
      <t>ジギョウ</t>
    </rPh>
    <phoneticPr fontId="7"/>
  </si>
  <si>
    <t>２　設備更新型ESCO事業ではない</t>
    <rPh sb="2" eb="4">
      <t>セツビ</t>
    </rPh>
    <rPh sb="4" eb="7">
      <t>コウシンガタ</t>
    </rPh>
    <rPh sb="11" eb="13">
      <t>ジギョウ</t>
    </rPh>
    <phoneticPr fontId="7"/>
  </si>
  <si>
    <t>事業方式</t>
    <rPh sb="0" eb="2">
      <t>ジギョウ</t>
    </rPh>
    <rPh sb="2" eb="4">
      <t>ホウシキ</t>
    </rPh>
    <phoneticPr fontId="7"/>
  </si>
  <si>
    <t>１　BTO方式</t>
    <rPh sb="5" eb="7">
      <t>ホウシキ</t>
    </rPh>
    <phoneticPr fontId="7"/>
  </si>
  <si>
    <t>２　BOT方式</t>
    <rPh sb="5" eb="7">
      <t>ホウシキ</t>
    </rPh>
    <phoneticPr fontId="7"/>
  </si>
  <si>
    <t>入札方式</t>
    <rPh sb="0" eb="2">
      <t>ニュウサツ</t>
    </rPh>
    <rPh sb="2" eb="4">
      <t>ホウシキ</t>
    </rPh>
    <phoneticPr fontId="7"/>
  </si>
  <si>
    <t>１　総合評価落札方式</t>
    <rPh sb="2" eb="4">
      <t>ソウゴウ</t>
    </rPh>
    <rPh sb="4" eb="6">
      <t>ヒョウカ</t>
    </rPh>
    <rPh sb="6" eb="8">
      <t>ラクサツ</t>
    </rPh>
    <rPh sb="8" eb="10">
      <t>ホウシキ</t>
    </rPh>
    <phoneticPr fontId="7"/>
  </si>
  <si>
    <t>２　企画競争</t>
    <rPh sb="2" eb="4">
      <t>キカク</t>
    </rPh>
    <rPh sb="4" eb="6">
      <t>キョウソウ</t>
    </rPh>
    <phoneticPr fontId="7"/>
  </si>
  <si>
    <t>３　その他　（　　　　　　　　　　　）</t>
    <rPh sb="4" eb="5">
      <t>タ</t>
    </rPh>
    <phoneticPr fontId="7"/>
  </si>
  <si>
    <t>請負業者</t>
    <rPh sb="0" eb="2">
      <t>ウケオイ</t>
    </rPh>
    <rPh sb="2" eb="4">
      <t>ギョウシャ</t>
    </rPh>
    <phoneticPr fontId="7"/>
  </si>
  <si>
    <t>補助金</t>
    <rPh sb="0" eb="3">
      <t>ホジョキン</t>
    </rPh>
    <phoneticPr fontId="7"/>
  </si>
  <si>
    <t>１　有　（補助率　　○/○）　</t>
    <rPh sb="2" eb="3">
      <t>ア</t>
    </rPh>
    <phoneticPr fontId="7"/>
  </si>
  <si>
    <t>２　無</t>
    <phoneticPr fontId="7"/>
  </si>
  <si>
    <r>
      <t xml:space="preserve">省エネルギー効果等
</t>
    </r>
    <r>
      <rPr>
        <sz val="9"/>
        <color indexed="8"/>
        <rFont val="ＭＳ Ｐゴシック"/>
        <family val="3"/>
        <charset val="128"/>
      </rPr>
      <t>（※施設全体基準とする）</t>
    </r>
    <rPh sb="0" eb="1">
      <t>ショウ</t>
    </rPh>
    <rPh sb="6" eb="8">
      <t>コウカ</t>
    </rPh>
    <rPh sb="8" eb="9">
      <t>トウ</t>
    </rPh>
    <rPh sb="12" eb="14">
      <t>シセツ</t>
    </rPh>
    <rPh sb="14" eb="16">
      <t>ゼンタイ</t>
    </rPh>
    <rPh sb="16" eb="18">
      <t>キジュン</t>
    </rPh>
    <phoneticPr fontId="7"/>
  </si>
  <si>
    <t>改修前（実績等（３箇年の平均））</t>
    <rPh sb="0" eb="3">
      <t>カイシュウマエ</t>
    </rPh>
    <rPh sb="4" eb="6">
      <t>ジッセキ</t>
    </rPh>
    <rPh sb="6" eb="7">
      <t>トウ</t>
    </rPh>
    <rPh sb="9" eb="11">
      <t>カネン</t>
    </rPh>
    <rPh sb="12" eb="14">
      <t>ヘイキン</t>
    </rPh>
    <phoneticPr fontId="7"/>
  </si>
  <si>
    <t>改修後（見込も可）</t>
    <rPh sb="0" eb="3">
      <t>カイシュウゴ</t>
    </rPh>
    <rPh sb="4" eb="6">
      <t>ミコ</t>
    </rPh>
    <rPh sb="7" eb="8">
      <t>カ</t>
    </rPh>
    <phoneticPr fontId="7"/>
  </si>
  <si>
    <t>データの期間</t>
    <rPh sb="4" eb="6">
      <t>キカン</t>
    </rPh>
    <phoneticPr fontId="7"/>
  </si>
  <si>
    <t>エネルギー使用量</t>
    <rPh sb="5" eb="8">
      <t>シヨウリョウ</t>
    </rPh>
    <phoneticPr fontId="7"/>
  </si>
  <si>
    <t>GJ</t>
    <phoneticPr fontId="7"/>
  </si>
  <si>
    <t>電気使用量</t>
    <rPh sb="0" eb="2">
      <t>デンキ</t>
    </rPh>
    <rPh sb="2" eb="5">
      <t>シヨウリョウ</t>
    </rPh>
    <phoneticPr fontId="7"/>
  </si>
  <si>
    <t>kWh</t>
    <phoneticPr fontId="7"/>
  </si>
  <si>
    <t>A重油使用量</t>
    <rPh sb="1" eb="3">
      <t>ジュウユ</t>
    </rPh>
    <rPh sb="3" eb="6">
      <t>シヨウリョウ</t>
    </rPh>
    <phoneticPr fontId="7"/>
  </si>
  <si>
    <t>kL</t>
    <phoneticPr fontId="7"/>
  </si>
  <si>
    <t>熱使用量</t>
    <rPh sb="0" eb="1">
      <t>ネツ</t>
    </rPh>
    <rPh sb="1" eb="4">
      <t>シヨウリョウ</t>
    </rPh>
    <phoneticPr fontId="7"/>
  </si>
  <si>
    <t>GJ</t>
    <phoneticPr fontId="7"/>
  </si>
  <si>
    <t>ガス使用量</t>
    <rPh sb="2" eb="5">
      <t>シヨウリョウ</t>
    </rPh>
    <phoneticPr fontId="7"/>
  </si>
  <si>
    <t>水使用量</t>
    <rPh sb="0" eb="1">
      <t>ミズ</t>
    </rPh>
    <rPh sb="1" eb="4">
      <t>シヨウリョウ</t>
    </rPh>
    <phoneticPr fontId="7"/>
  </si>
  <si>
    <t>光熱水費</t>
    <rPh sb="0" eb="2">
      <t>コウネツ</t>
    </rPh>
    <rPh sb="3" eb="4">
      <t>ヒ</t>
    </rPh>
    <phoneticPr fontId="7"/>
  </si>
  <si>
    <t>円</t>
    <phoneticPr fontId="7"/>
  </si>
  <si>
    <t>ＣＯ２排出量</t>
    <rPh sb="3" eb="6">
      <t>ハイシュツリョウ</t>
    </rPh>
    <phoneticPr fontId="7"/>
  </si>
  <si>
    <t>省エネルギー率</t>
    <rPh sb="0" eb="1">
      <t>ショウ</t>
    </rPh>
    <rPh sb="6" eb="7">
      <t>リツ</t>
    </rPh>
    <phoneticPr fontId="7"/>
  </si>
  <si>
    <t>％</t>
    <phoneticPr fontId="7"/>
  </si>
  <si>
    <t>主な省エネルギー項目</t>
    <rPh sb="0" eb="1">
      <t>オモ</t>
    </rPh>
    <rPh sb="2" eb="3">
      <t>ショウ</t>
    </rPh>
    <rPh sb="8" eb="10">
      <t>コウモク</t>
    </rPh>
    <phoneticPr fontId="7"/>
  </si>
  <si>
    <t>様式１－２</t>
    <rPh sb="0" eb="2">
      <t>ヨウシキ</t>
    </rPh>
    <phoneticPr fontId="7"/>
  </si>
  <si>
    <t>環境配慮型プロポーザル方式の実施状況</t>
    <rPh sb="0" eb="2">
      <t>カンキョウ</t>
    </rPh>
    <rPh sb="2" eb="4">
      <t>ハイリョ</t>
    </rPh>
    <rPh sb="4" eb="5">
      <t>ガタ</t>
    </rPh>
    <rPh sb="11" eb="13">
      <t>ホウシキ</t>
    </rPh>
    <rPh sb="14" eb="16">
      <t>ジッシ</t>
    </rPh>
    <rPh sb="16" eb="18">
      <t>ジョウキョウ</t>
    </rPh>
    <phoneticPr fontId="7"/>
  </si>
  <si>
    <t>事業名</t>
    <rPh sb="0" eb="2">
      <t>ジギョウ</t>
    </rPh>
    <rPh sb="2" eb="3">
      <t>メイ</t>
    </rPh>
    <phoneticPr fontId="7"/>
  </si>
  <si>
    <t>都道府県</t>
    <rPh sb="0" eb="4">
      <t>トドウフケン</t>
    </rPh>
    <phoneticPr fontId="7"/>
  </si>
  <si>
    <t>市区町村</t>
    <rPh sb="0" eb="2">
      <t>シク</t>
    </rPh>
    <rPh sb="2" eb="4">
      <t>チョウソン</t>
    </rPh>
    <phoneticPr fontId="7"/>
  </si>
  <si>
    <t>建物概要</t>
    <rPh sb="0" eb="2">
      <t>タテモノ</t>
    </rPh>
    <rPh sb="2" eb="4">
      <t>ガイヨウ</t>
    </rPh>
    <phoneticPr fontId="7"/>
  </si>
  <si>
    <t>用途</t>
    <rPh sb="0" eb="2">
      <t>ヨウト</t>
    </rPh>
    <phoneticPr fontId="7"/>
  </si>
  <si>
    <t>契約年月</t>
    <rPh sb="0" eb="2">
      <t>ケイヤク</t>
    </rPh>
    <rPh sb="2" eb="4">
      <t>ネンゲツ</t>
    </rPh>
    <phoneticPr fontId="7"/>
  </si>
  <si>
    <t>※入札(裾切り方式)に
　よらない場合を含む</t>
    <rPh sb="1" eb="3">
      <t>ニュウサツ</t>
    </rPh>
    <rPh sb="4" eb="5">
      <t>スソ</t>
    </rPh>
    <rPh sb="5" eb="6">
      <t>キ</t>
    </rPh>
    <phoneticPr fontId="7"/>
  </si>
  <si>
    <t>番号</t>
    <rPh sb="0" eb="2">
      <t>バンゴウ</t>
    </rPh>
    <phoneticPr fontId="7"/>
  </si>
  <si>
    <t>調達機関：</t>
    <rPh sb="0" eb="2">
      <t>チョウタツ</t>
    </rPh>
    <rPh sb="2" eb="4">
      <t>キカン</t>
    </rPh>
    <phoneticPr fontId="7"/>
  </si>
  <si>
    <t>理　　由</t>
    <rPh sb="0" eb="1">
      <t>リ</t>
    </rPh>
    <rPh sb="3" eb="4">
      <t>ヨシ</t>
    </rPh>
    <phoneticPr fontId="7"/>
  </si>
  <si>
    <t>件数</t>
    <rPh sb="0" eb="2">
      <t>ケンスウ</t>
    </rPh>
    <phoneticPr fontId="7"/>
  </si>
  <si>
    <t>（１）環境配慮型船舶プロポーザル方式の実施実績</t>
    <rPh sb="3" eb="5">
      <t>カンキョウ</t>
    </rPh>
    <rPh sb="5" eb="8">
      <t>ハイリョガタ</t>
    </rPh>
    <rPh sb="8" eb="10">
      <t>センパク</t>
    </rPh>
    <rPh sb="16" eb="18">
      <t>ホウシキ</t>
    </rPh>
    <rPh sb="19" eb="21">
      <t>ジッシ</t>
    </rPh>
    <rPh sb="21" eb="23">
      <t>ジッセキ</t>
    </rPh>
    <phoneticPr fontId="7"/>
  </si>
  <si>
    <t>様式３－１</t>
    <rPh sb="0" eb="2">
      <t>ヨウシキ</t>
    </rPh>
    <phoneticPr fontId="7"/>
  </si>
  <si>
    <t>ウ）その他</t>
    <rPh sb="4" eb="5">
      <t>タ</t>
    </rPh>
    <phoneticPr fontId="7"/>
  </si>
  <si>
    <t>上記、ウ）に該当する設計業務がある場合、その事情</t>
    <rPh sb="0" eb="2">
      <t>ジョウキ</t>
    </rPh>
    <rPh sb="6" eb="8">
      <t>ガイトウ</t>
    </rPh>
    <rPh sb="10" eb="12">
      <t>セッケイ</t>
    </rPh>
    <rPh sb="12" eb="14">
      <t>ギョウム</t>
    </rPh>
    <rPh sb="17" eb="19">
      <t>バアイ</t>
    </rPh>
    <rPh sb="22" eb="24">
      <t>ジジョウ</t>
    </rPh>
    <phoneticPr fontId="7"/>
  </si>
  <si>
    <t>（３）環境配慮型船舶プロポーザル方式を実施した場合、設計者に求めたテーマ</t>
    <rPh sb="3" eb="5">
      <t>カンキョウ</t>
    </rPh>
    <rPh sb="5" eb="8">
      <t>ハイリョガタ</t>
    </rPh>
    <rPh sb="8" eb="10">
      <t>センパク</t>
    </rPh>
    <rPh sb="19" eb="21">
      <t>ジッシ</t>
    </rPh>
    <rPh sb="23" eb="25">
      <t>バアイ</t>
    </rPh>
    <rPh sb="26" eb="29">
      <t>セッケイシャ</t>
    </rPh>
    <rPh sb="30" eb="31">
      <t>モト</t>
    </rPh>
    <phoneticPr fontId="7"/>
  </si>
  <si>
    <t>様式３－２</t>
    <rPh sb="0" eb="2">
      <t>ヨウシキ</t>
    </rPh>
    <phoneticPr fontId="7"/>
  </si>
  <si>
    <t>船名等</t>
    <rPh sb="0" eb="2">
      <t>センメイ</t>
    </rPh>
    <rPh sb="2" eb="3">
      <t>トウ</t>
    </rPh>
    <phoneticPr fontId="7"/>
  </si>
  <si>
    <t>△△丸</t>
    <rPh sb="2" eb="3">
      <t>マル</t>
    </rPh>
    <phoneticPr fontId="7"/>
  </si>
  <si>
    <t>調査船</t>
    <rPh sb="0" eb="3">
      <t>チョウサセン</t>
    </rPh>
    <phoneticPr fontId="7"/>
  </si>
  <si>
    <t>調達方法
（注２）</t>
    <rPh sb="0" eb="2">
      <t>チョウタツ</t>
    </rPh>
    <rPh sb="2" eb="4">
      <t>ホウホウ</t>
    </rPh>
    <rPh sb="6" eb="7">
      <t>チュウ</t>
    </rPh>
    <phoneticPr fontId="7"/>
  </si>
  <si>
    <t>　注２）「調達方法」</t>
    <rPh sb="1" eb="2">
      <t>チュウ</t>
    </rPh>
    <rPh sb="5" eb="7">
      <t>チョウタツ</t>
    </rPh>
    <rPh sb="7" eb="9">
      <t>ホウホウ</t>
    </rPh>
    <phoneticPr fontId="7"/>
  </si>
  <si>
    <t>ガソリン／ディーゼル　の別</t>
    <rPh sb="12" eb="13">
      <t>ベツ</t>
    </rPh>
    <phoneticPr fontId="7"/>
  </si>
  <si>
    <t>機関
(注１)</t>
    <rPh sb="0" eb="2">
      <t>キカン</t>
    </rPh>
    <rPh sb="4" eb="5">
      <t>チュウ</t>
    </rPh>
    <phoneticPr fontId="7"/>
  </si>
  <si>
    <t>　注１）「機関」</t>
    <rPh sb="1" eb="2">
      <t>チュウ</t>
    </rPh>
    <rPh sb="5" eb="7">
      <t>キカン</t>
    </rPh>
    <phoneticPr fontId="7"/>
  </si>
  <si>
    <t>環境配慮契約</t>
    <rPh sb="0" eb="2">
      <t>カンキョウ</t>
    </rPh>
    <rPh sb="2" eb="4">
      <t>ハイリョ</t>
    </rPh>
    <rPh sb="4" eb="6">
      <t>ケイヤク</t>
    </rPh>
    <phoneticPr fontId="7"/>
  </si>
  <si>
    <t>調達機関：</t>
    <rPh sb="0" eb="4">
      <t>チョウタツキカン</t>
    </rPh>
    <phoneticPr fontId="7"/>
  </si>
  <si>
    <t>その他環境配慮契約の推進に関する重要事項等　調査</t>
    <rPh sb="2" eb="3">
      <t>タ</t>
    </rPh>
    <rPh sb="3" eb="5">
      <t>カンキョウ</t>
    </rPh>
    <rPh sb="5" eb="7">
      <t>ハイリョ</t>
    </rPh>
    <rPh sb="7" eb="9">
      <t>ケイヤク</t>
    </rPh>
    <rPh sb="10" eb="12">
      <t>スイシン</t>
    </rPh>
    <rPh sb="13" eb="14">
      <t>カン</t>
    </rPh>
    <rPh sb="16" eb="18">
      <t>ジュウヨウ</t>
    </rPh>
    <rPh sb="18" eb="20">
      <t>ジコウ</t>
    </rPh>
    <rPh sb="20" eb="21">
      <t>ナド</t>
    </rPh>
    <rPh sb="22" eb="24">
      <t>チョウサ</t>
    </rPh>
    <phoneticPr fontId="7"/>
  </si>
  <si>
    <t>随意契約／環境配慮契約／環境配慮契約以外の入札　など</t>
    <rPh sb="0" eb="2">
      <t>ズイイ</t>
    </rPh>
    <rPh sb="2" eb="4">
      <t>ケイヤク</t>
    </rPh>
    <rPh sb="5" eb="7">
      <t>カンキョウ</t>
    </rPh>
    <rPh sb="7" eb="9">
      <t>ハイリョ</t>
    </rPh>
    <rPh sb="9" eb="11">
      <t>ケイヤク</t>
    </rPh>
    <rPh sb="12" eb="14">
      <t>カンキョウ</t>
    </rPh>
    <rPh sb="14" eb="16">
      <t>ハイリョ</t>
    </rPh>
    <rPh sb="16" eb="18">
      <t>ケイヤク</t>
    </rPh>
    <rPh sb="18" eb="20">
      <t>イガイ</t>
    </rPh>
    <rPh sb="21" eb="23">
      <t>ニュウサツ</t>
    </rPh>
    <phoneticPr fontId="7"/>
  </si>
  <si>
    <t>様式１－１</t>
    <rPh sb="0" eb="2">
      <t>ヨウシキ</t>
    </rPh>
    <phoneticPr fontId="7"/>
  </si>
  <si>
    <r>
      <t>車両</t>
    </r>
    <r>
      <rPr>
        <sz val="10"/>
        <color indexed="8"/>
        <rFont val="Arial"/>
        <family val="2"/>
      </rPr>
      <t xml:space="preserve">NO
</t>
    </r>
    <r>
      <rPr>
        <sz val="10"/>
        <color indexed="8"/>
        <rFont val="ＭＳ ゴシック"/>
        <family val="3"/>
        <charset val="128"/>
      </rPr>
      <t>※</t>
    </r>
    <r>
      <rPr>
        <sz val="10"/>
        <color indexed="8"/>
        <rFont val="Arial"/>
        <family val="2"/>
      </rPr>
      <t>1</t>
    </r>
    <rPh sb="0" eb="2">
      <t>シャリョウ</t>
    </rPh>
    <phoneticPr fontId="7"/>
  </si>
  <si>
    <t>仕様</t>
  </si>
  <si>
    <t>落札者</t>
    <phoneticPr fontId="7"/>
  </si>
  <si>
    <r>
      <t>調達車両</t>
    </r>
    <r>
      <rPr>
        <sz val="10"/>
        <rFont val="Arial"/>
        <family val="2"/>
      </rPr>
      <t>1</t>
    </r>
    <r>
      <rPr>
        <sz val="10"/>
        <rFont val="ＭＳ Ｐゴシック"/>
        <family val="3"/>
        <charset val="128"/>
      </rPr>
      <t>台当たり</t>
    </r>
    <r>
      <rPr>
        <sz val="10"/>
        <rFont val="Arial"/>
        <family val="2"/>
      </rPr>
      <t>1</t>
    </r>
    <r>
      <rPr>
        <sz val="10"/>
        <rFont val="ＭＳ Ｐゴシック"/>
        <family val="3"/>
        <charset val="128"/>
      </rPr>
      <t>行記入</t>
    </r>
    <phoneticPr fontId="7"/>
  </si>
  <si>
    <r>
      <t>※</t>
    </r>
    <r>
      <rPr>
        <sz val="10"/>
        <rFont val="Arial"/>
        <family val="2"/>
      </rPr>
      <t>1</t>
    </r>
    <phoneticPr fontId="7"/>
  </si>
  <si>
    <t>乗用車／貨物車／その他（具体的に）</t>
    <phoneticPr fontId="7"/>
  </si>
  <si>
    <r>
      <t>※</t>
    </r>
    <r>
      <rPr>
        <sz val="10"/>
        <rFont val="Arial"/>
        <family val="2"/>
      </rPr>
      <t>2</t>
    </r>
    <phoneticPr fontId="7"/>
  </si>
  <si>
    <r>
      <t>※</t>
    </r>
    <r>
      <rPr>
        <sz val="10"/>
        <rFont val="Arial"/>
        <family val="2"/>
      </rPr>
      <t>3</t>
    </r>
    <phoneticPr fontId="7"/>
  </si>
  <si>
    <t>車両NO</t>
    <rPh sb="0" eb="2">
      <t>シャリョウ</t>
    </rPh>
    <phoneticPr fontId="7"/>
  </si>
  <si>
    <t>車種</t>
    <rPh sb="0" eb="2">
      <t>シャシュ</t>
    </rPh>
    <phoneticPr fontId="7"/>
  </si>
  <si>
    <t>価格順位</t>
    <rPh sb="0" eb="2">
      <t>カカク</t>
    </rPh>
    <rPh sb="2" eb="4">
      <t>ジュンイ</t>
    </rPh>
    <phoneticPr fontId="7"/>
  </si>
  <si>
    <t>燃費順位</t>
    <rPh sb="0" eb="2">
      <t>ネンピ</t>
    </rPh>
    <rPh sb="2" eb="4">
      <t>ジュンイ</t>
    </rPh>
    <phoneticPr fontId="7"/>
  </si>
  <si>
    <t>最低価格を提示した車を１位とする</t>
    <rPh sb="0" eb="2">
      <t>サイテイ</t>
    </rPh>
    <rPh sb="2" eb="4">
      <t>カカク</t>
    </rPh>
    <rPh sb="5" eb="7">
      <t>テイジ</t>
    </rPh>
    <rPh sb="9" eb="10">
      <t>クルマ</t>
    </rPh>
    <rPh sb="12" eb="13">
      <t>クライ</t>
    </rPh>
    <phoneticPr fontId="7"/>
  </si>
  <si>
    <t>最も燃費がよい車を１位とする</t>
    <rPh sb="0" eb="1">
      <t>モット</t>
    </rPh>
    <rPh sb="2" eb="4">
      <t>ネンピ</t>
    </rPh>
    <rPh sb="7" eb="8">
      <t>クルマ</t>
    </rPh>
    <rPh sb="10" eb="11">
      <t>クライ</t>
    </rPh>
    <phoneticPr fontId="7"/>
  </si>
  <si>
    <t>購入／
賃貸借</t>
    <phoneticPr fontId="7"/>
  </si>
  <si>
    <t>車種
※2</t>
    <phoneticPr fontId="7"/>
  </si>
  <si>
    <t>燃費
(km/㍑)</t>
    <phoneticPr fontId="7"/>
  </si>
  <si>
    <t>車両
重量
（kg）</t>
    <rPh sb="0" eb="2">
      <t>シャリョウ</t>
    </rPh>
    <rPh sb="3" eb="5">
      <t>ジュウリョウ</t>
    </rPh>
    <phoneticPr fontId="7"/>
  </si>
  <si>
    <t>事業区分</t>
    <rPh sb="0" eb="2">
      <t>ジギョウ</t>
    </rPh>
    <rPh sb="2" eb="4">
      <t>クブン</t>
    </rPh>
    <phoneticPr fontId="7"/>
  </si>
  <si>
    <t>構造</t>
    <rPh sb="0" eb="2">
      <t>コウゾウ</t>
    </rPh>
    <phoneticPr fontId="7"/>
  </si>
  <si>
    <t>延床面積</t>
    <rPh sb="0" eb="1">
      <t>エン</t>
    </rPh>
    <rPh sb="1" eb="4">
      <t>ユカメンセキ</t>
    </rPh>
    <phoneticPr fontId="7"/>
  </si>
  <si>
    <t>㎡</t>
    <phoneticPr fontId="7"/>
  </si>
  <si>
    <t>敷地面積</t>
    <rPh sb="0" eb="2">
      <t>シキチ</t>
    </rPh>
    <rPh sb="2" eb="4">
      <t>メンセキ</t>
    </rPh>
    <phoneticPr fontId="7"/>
  </si>
  <si>
    <t>高さ</t>
    <rPh sb="0" eb="1">
      <t>タカ</t>
    </rPh>
    <phoneticPr fontId="7"/>
  </si>
  <si>
    <t>ｍ</t>
    <phoneticPr fontId="7"/>
  </si>
  <si>
    <t>地上</t>
    <rPh sb="0" eb="2">
      <t>チジョウ</t>
    </rPh>
    <phoneticPr fontId="7"/>
  </si>
  <si>
    <t>地下</t>
    <rPh sb="0" eb="2">
      <t>チカ</t>
    </rPh>
    <phoneticPr fontId="7"/>
  </si>
  <si>
    <t>業務発注の際に技術提案書に求めた環境配慮に関するテーマ</t>
    <rPh sb="0" eb="2">
      <t>ギョウム</t>
    </rPh>
    <rPh sb="2" eb="4">
      <t>ハッチュウ</t>
    </rPh>
    <rPh sb="5" eb="6">
      <t>サイ</t>
    </rPh>
    <rPh sb="7" eb="9">
      <t>ギジュツ</t>
    </rPh>
    <rPh sb="9" eb="12">
      <t>テイアンショ</t>
    </rPh>
    <rPh sb="13" eb="14">
      <t>モト</t>
    </rPh>
    <rPh sb="16" eb="20">
      <t>カンキョウハイリョ</t>
    </rPh>
    <phoneticPr fontId="7"/>
  </si>
  <si>
    <t>設計内容に盛り込まれた主な環境負荷低減措置</t>
    <rPh sb="0" eb="2">
      <t>セッケイ</t>
    </rPh>
    <rPh sb="2" eb="4">
      <t>ナイヨウ</t>
    </rPh>
    <rPh sb="5" eb="6">
      <t>モ</t>
    </rPh>
    <rPh sb="7" eb="8">
      <t>コ</t>
    </rPh>
    <rPh sb="11" eb="12">
      <t>オモ</t>
    </rPh>
    <rPh sb="13" eb="15">
      <t>カンキョウ</t>
    </rPh>
    <rPh sb="15" eb="17">
      <t>フカ</t>
    </rPh>
    <rPh sb="17" eb="19">
      <t>テイゲン</t>
    </rPh>
    <rPh sb="19" eb="21">
      <t>ソチ</t>
    </rPh>
    <phoneticPr fontId="7"/>
  </si>
  <si>
    <t>環境性能
評価結果</t>
    <rPh sb="0" eb="2">
      <t>カンキョウ</t>
    </rPh>
    <rPh sb="2" eb="4">
      <t>セイノウ</t>
    </rPh>
    <rPh sb="5" eb="7">
      <t>ヒョウカ</t>
    </rPh>
    <rPh sb="7" eb="9">
      <t>ケッカ</t>
    </rPh>
    <phoneticPr fontId="7"/>
  </si>
  <si>
    <t>評価方法：</t>
    <rPh sb="0" eb="2">
      <t>ヒョウカ</t>
    </rPh>
    <rPh sb="2" eb="4">
      <t>ホウホウ</t>
    </rPh>
    <phoneticPr fontId="7"/>
  </si>
  <si>
    <t>評価結果：</t>
    <rPh sb="0" eb="2">
      <t>ヒョウカ</t>
    </rPh>
    <rPh sb="2" eb="4">
      <t>ケッカ</t>
    </rPh>
    <phoneticPr fontId="7"/>
  </si>
  <si>
    <r>
      <t>LCCO</t>
    </r>
    <r>
      <rPr>
        <vertAlign val="subscript"/>
        <sz val="10"/>
        <rFont val="Arial"/>
        <family val="2"/>
      </rPr>
      <t>2</t>
    </r>
    <phoneticPr fontId="7"/>
  </si>
  <si>
    <r>
      <t>CO</t>
    </r>
    <r>
      <rPr>
        <vertAlign val="subscript"/>
        <sz val="10"/>
        <rFont val="Arial"/>
        <family val="2"/>
      </rPr>
      <t>2</t>
    </r>
    <r>
      <rPr>
        <sz val="10"/>
        <rFont val="ＭＳ ゴシック"/>
        <family val="3"/>
        <charset val="128"/>
      </rPr>
      <t>削減量</t>
    </r>
    <rPh sb="3" eb="5">
      <t>サクゲン</t>
    </rPh>
    <rPh sb="5" eb="6">
      <t>リョウ</t>
    </rPh>
    <phoneticPr fontId="7"/>
  </si>
  <si>
    <t>ｍ</t>
    <phoneticPr fontId="7"/>
  </si>
  <si>
    <t>材質</t>
    <rPh sb="0" eb="2">
      <t>ザイシツ</t>
    </rPh>
    <phoneticPr fontId="7"/>
  </si>
  <si>
    <t>鋼</t>
    <rPh sb="0" eb="1">
      <t>ハガネ</t>
    </rPh>
    <phoneticPr fontId="7"/>
  </si>
  <si>
    <r>
      <t xml:space="preserve">総ﾄﾝ数
</t>
    </r>
    <r>
      <rPr>
        <sz val="9"/>
        <rFont val="ＭＳ Ｐゴシック"/>
        <family val="3"/>
        <charset val="128"/>
      </rPr>
      <t>（トン）</t>
    </r>
    <rPh sb="0" eb="1">
      <t>ソウ</t>
    </rPh>
    <rPh sb="3" eb="4">
      <t>スウ</t>
    </rPh>
    <phoneticPr fontId="7"/>
  </si>
  <si>
    <t>調達した船舶の概要</t>
    <rPh sb="0" eb="2">
      <t>チョウタツ</t>
    </rPh>
    <rPh sb="4" eb="6">
      <t>センパク</t>
    </rPh>
    <rPh sb="7" eb="9">
      <t>ガイヨウ</t>
    </rPh>
    <phoneticPr fontId="7"/>
  </si>
  <si>
    <r>
      <t xml:space="preserve">最大
出力
</t>
    </r>
    <r>
      <rPr>
        <sz val="9"/>
        <rFont val="ＭＳ Ｐゴシック"/>
        <family val="3"/>
        <charset val="128"/>
      </rPr>
      <t>(kW)</t>
    </r>
    <rPh sb="0" eb="2">
      <t>サイダイ</t>
    </rPh>
    <rPh sb="3" eb="5">
      <t>シュツリョク</t>
    </rPh>
    <phoneticPr fontId="7"/>
  </si>
  <si>
    <r>
      <t xml:space="preserve">定格
出力
</t>
    </r>
    <r>
      <rPr>
        <sz val="9"/>
        <rFont val="ＭＳ Ｐゴシック"/>
        <family val="3"/>
        <charset val="128"/>
      </rPr>
      <t>(kW)</t>
    </r>
    <rPh sb="0" eb="2">
      <t>テイカク</t>
    </rPh>
    <rPh sb="3" eb="5">
      <t>シュツリョク</t>
    </rPh>
    <phoneticPr fontId="7"/>
  </si>
  <si>
    <r>
      <t xml:space="preserve">燃料
消費率
</t>
    </r>
    <r>
      <rPr>
        <sz val="9"/>
        <rFont val="ＭＳ Ｐゴシック"/>
        <family val="3"/>
        <charset val="128"/>
      </rPr>
      <t>(g/kWh)</t>
    </r>
    <rPh sb="0" eb="2">
      <t>ネンリョウ</t>
    </rPh>
    <rPh sb="3" eb="5">
      <t>ショウヒ</t>
    </rPh>
    <rPh sb="5" eb="6">
      <t>リツ</t>
    </rPh>
    <phoneticPr fontId="7"/>
  </si>
  <si>
    <r>
      <t xml:space="preserve">最低価格を提示した者
</t>
    </r>
    <r>
      <rPr>
        <sz val="8"/>
        <rFont val="ＭＳ ゴシック"/>
        <family val="3"/>
        <charset val="128"/>
      </rPr>
      <t>(最低価格を提示したものが落札した場合は記入不要)</t>
    </r>
    <rPh sb="0" eb="2">
      <t>サイテイ</t>
    </rPh>
    <rPh sb="2" eb="4">
      <t>カカク</t>
    </rPh>
    <rPh sb="5" eb="7">
      <t>テイジ</t>
    </rPh>
    <rPh sb="9" eb="10">
      <t>モノ</t>
    </rPh>
    <rPh sb="12" eb="14">
      <t>サイテイ</t>
    </rPh>
    <rPh sb="14" eb="16">
      <t>カカク</t>
    </rPh>
    <rPh sb="17" eb="19">
      <t>テイジ</t>
    </rPh>
    <rPh sb="24" eb="26">
      <t>ラクサツ</t>
    </rPh>
    <rPh sb="28" eb="30">
      <t>バアイ</t>
    </rPh>
    <rPh sb="31" eb="33">
      <t>キニュウ</t>
    </rPh>
    <rPh sb="33" eb="35">
      <t>フヨウ</t>
    </rPh>
    <phoneticPr fontId="7"/>
  </si>
  <si>
    <t>ガソリン</t>
    <phoneticPr fontId="7"/>
  </si>
  <si>
    <t>㎡</t>
    <phoneticPr fontId="7"/>
  </si>
  <si>
    <r>
      <t>kg-CO</t>
    </r>
    <r>
      <rPr>
        <vertAlign val="subscript"/>
        <sz val="10"/>
        <rFont val="Arial"/>
        <family val="2"/>
      </rPr>
      <t>2</t>
    </r>
    <r>
      <rPr>
        <sz val="10"/>
        <rFont val="Arial"/>
        <family val="2"/>
      </rPr>
      <t>/</t>
    </r>
    <r>
      <rPr>
        <sz val="10"/>
        <rFont val="ＭＳ ゴシック"/>
        <family val="3"/>
        <charset val="128"/>
      </rPr>
      <t>年･㎡</t>
    </r>
    <phoneticPr fontId="7"/>
  </si>
  <si>
    <t>該当しない場合も含めて全シートに記入してください。</t>
    <rPh sb="0" eb="2">
      <t>ガイトウ</t>
    </rPh>
    <rPh sb="5" eb="7">
      <t>バアイ</t>
    </rPh>
    <rPh sb="8" eb="9">
      <t>フク</t>
    </rPh>
    <rPh sb="11" eb="12">
      <t>ゼン</t>
    </rPh>
    <rPh sb="16" eb="18">
      <t>キニュウ</t>
    </rPh>
    <phoneticPr fontId="7"/>
  </si>
  <si>
    <t>１．概要</t>
    <rPh sb="2" eb="4">
      <t>ガイヨウ</t>
    </rPh>
    <phoneticPr fontId="7"/>
  </si>
  <si>
    <t>２．提出</t>
    <rPh sb="2" eb="4">
      <t>テイシュツ</t>
    </rPh>
    <phoneticPr fontId="7"/>
  </si>
  <si>
    <t>機関別に１ファイルにまとめる必要はありません。</t>
    <rPh sb="0" eb="2">
      <t>キカン</t>
    </rPh>
    <rPh sb="2" eb="3">
      <t>ベツ</t>
    </rPh>
    <rPh sb="14" eb="16">
      <t>ヒツヨウ</t>
    </rPh>
    <phoneticPr fontId="7"/>
  </si>
  <si>
    <t>地方局等はそれぞれが１ファイルでも構いません。</t>
    <rPh sb="0" eb="2">
      <t>チホウ</t>
    </rPh>
    <rPh sb="2" eb="4">
      <t>キョクトウ</t>
    </rPh>
    <rPh sb="17" eb="18">
      <t>カマ</t>
    </rPh>
    <phoneticPr fontId="7"/>
  </si>
  <si>
    <t>３．(共通）注意事項</t>
    <rPh sb="3" eb="5">
      <t>キョウツウ</t>
    </rPh>
    <rPh sb="6" eb="8">
      <t>チュウイ</t>
    </rPh>
    <rPh sb="8" eb="10">
      <t>ジコウ</t>
    </rPh>
    <phoneticPr fontId="7"/>
  </si>
  <si>
    <t>総合評価落札方式の詳細（想定走行距離、落札車の燃費、最安車の燃費など）</t>
    <rPh sb="0" eb="2">
      <t>ソウゴウ</t>
    </rPh>
    <rPh sb="2" eb="4">
      <t>ヒョウカ</t>
    </rPh>
    <rPh sb="4" eb="6">
      <t>ラクサツ</t>
    </rPh>
    <rPh sb="6" eb="8">
      <t>ホウシキ</t>
    </rPh>
    <rPh sb="9" eb="11">
      <t>ショウサイ</t>
    </rPh>
    <rPh sb="12" eb="14">
      <t>ソウテイ</t>
    </rPh>
    <rPh sb="14" eb="16">
      <t>ソウコウ</t>
    </rPh>
    <rPh sb="16" eb="18">
      <t>キョリ</t>
    </rPh>
    <rPh sb="19" eb="21">
      <t>ラクサツ</t>
    </rPh>
    <rPh sb="21" eb="22">
      <t>クルマ</t>
    </rPh>
    <rPh sb="23" eb="25">
      <t>ネンピ</t>
    </rPh>
    <rPh sb="26" eb="27">
      <t>サイ</t>
    </rPh>
    <rPh sb="27" eb="28">
      <t>アン</t>
    </rPh>
    <rPh sb="28" eb="29">
      <t>クルマ</t>
    </rPh>
    <rPh sb="30" eb="32">
      <t>ネンピ</t>
    </rPh>
    <phoneticPr fontId="7"/>
  </si>
  <si>
    <t>購入／賃貸借総数及び総合評価による調達台数、未実施の理由</t>
    <rPh sb="0" eb="2">
      <t>コウニュウ</t>
    </rPh>
    <rPh sb="3" eb="6">
      <t>チンタイシャク</t>
    </rPh>
    <rPh sb="6" eb="8">
      <t>ソウスウ</t>
    </rPh>
    <rPh sb="8" eb="9">
      <t>オヨ</t>
    </rPh>
    <rPh sb="10" eb="12">
      <t>ソウゴウ</t>
    </rPh>
    <rPh sb="12" eb="14">
      <t>ヒョウカ</t>
    </rPh>
    <rPh sb="17" eb="19">
      <t>チョウタツ</t>
    </rPh>
    <rPh sb="19" eb="21">
      <t>ダイスウ</t>
    </rPh>
    <rPh sb="22" eb="25">
      <t>ミジッシ</t>
    </rPh>
    <rPh sb="26" eb="28">
      <t>リユウ</t>
    </rPh>
    <phoneticPr fontId="7"/>
  </si>
  <si>
    <r>
      <t>Nm</t>
    </r>
    <r>
      <rPr>
        <vertAlign val="superscript"/>
        <sz val="11"/>
        <color indexed="8"/>
        <rFont val="ＭＳ Ｐゴシック"/>
        <family val="3"/>
        <charset val="128"/>
      </rPr>
      <t>3</t>
    </r>
    <phoneticPr fontId="7"/>
  </si>
  <si>
    <r>
      <t>m</t>
    </r>
    <r>
      <rPr>
        <vertAlign val="superscript"/>
        <sz val="11"/>
        <color indexed="8"/>
        <rFont val="ＭＳ Ｐゴシック"/>
        <family val="3"/>
        <charset val="128"/>
      </rPr>
      <t>3</t>
    </r>
    <phoneticPr fontId="7"/>
  </si>
  <si>
    <r>
      <t>CO</t>
    </r>
    <r>
      <rPr>
        <vertAlign val="subscript"/>
        <sz val="11"/>
        <color indexed="8"/>
        <rFont val="ＭＳ Ｐゴシック"/>
        <family val="3"/>
        <charset val="128"/>
      </rPr>
      <t>2</t>
    </r>
    <r>
      <rPr>
        <sz val="11"/>
        <color indexed="8"/>
        <rFont val="ＭＳ Ｐゴシック"/>
        <family val="3"/>
        <charset val="128"/>
      </rPr>
      <t>削減率</t>
    </r>
    <rPh sb="3" eb="5">
      <t>サクゲン</t>
    </rPh>
    <rPh sb="5" eb="6">
      <t>リツ</t>
    </rPh>
    <phoneticPr fontId="7"/>
  </si>
  <si>
    <r>
      <t>t-CO</t>
    </r>
    <r>
      <rPr>
        <vertAlign val="subscript"/>
        <sz val="11"/>
        <color indexed="8"/>
        <rFont val="ＭＳ Ｐゴシック"/>
        <family val="3"/>
        <charset val="128"/>
      </rPr>
      <t>2</t>
    </r>
    <phoneticPr fontId="7"/>
  </si>
  <si>
    <t>環境配慮型プロポーザル方式の詳細（施設概要、求めたテーマ、仕様書への反映など）</t>
    <rPh sb="0" eb="2">
      <t>カンキョウ</t>
    </rPh>
    <rPh sb="2" eb="5">
      <t>ハイリョガタ</t>
    </rPh>
    <rPh sb="11" eb="13">
      <t>ホウシキ</t>
    </rPh>
    <rPh sb="14" eb="16">
      <t>ショウサイ</t>
    </rPh>
    <rPh sb="17" eb="19">
      <t>シセツ</t>
    </rPh>
    <rPh sb="19" eb="21">
      <t>ガイヨウ</t>
    </rPh>
    <rPh sb="22" eb="23">
      <t>モト</t>
    </rPh>
    <rPh sb="29" eb="32">
      <t>シヨウショ</t>
    </rPh>
    <rPh sb="34" eb="36">
      <t>ハンエイ</t>
    </rPh>
    <phoneticPr fontId="7"/>
  </si>
  <si>
    <t>４．各シートの記入要領</t>
    <rPh sb="2" eb="3">
      <t>カク</t>
    </rPh>
    <rPh sb="7" eb="9">
      <t>キニュウ</t>
    </rPh>
    <rPh sb="9" eb="11">
      <t>ヨウリョウ</t>
    </rPh>
    <phoneticPr fontId="7"/>
  </si>
  <si>
    <t>各シートの記入欄を選択すると、記入に関するメッセージが表示されます。</t>
    <rPh sb="0" eb="1">
      <t>カク</t>
    </rPh>
    <rPh sb="5" eb="7">
      <t>キニュウ</t>
    </rPh>
    <rPh sb="7" eb="8">
      <t>ラン</t>
    </rPh>
    <rPh sb="9" eb="11">
      <t>センタク</t>
    </rPh>
    <rPh sb="15" eb="17">
      <t>キニュウ</t>
    </rPh>
    <rPh sb="18" eb="19">
      <t>カン</t>
    </rPh>
    <rPh sb="27" eb="29">
      <t>ヒョウジ</t>
    </rPh>
    <phoneticPr fontId="7"/>
  </si>
  <si>
    <t>そのメッセージに従って記入してください。</t>
    <rPh sb="8" eb="9">
      <t>シタガ</t>
    </rPh>
    <rPh sb="11" eb="13">
      <t>キニュウ</t>
    </rPh>
    <phoneticPr fontId="7"/>
  </si>
  <si>
    <t>その他（　　　 　）</t>
    <rPh sb="2" eb="3">
      <t>タ</t>
    </rPh>
    <phoneticPr fontId="7"/>
  </si>
  <si>
    <t>記入例：○○省○○局</t>
    <rPh sb="0" eb="2">
      <t>キニュウ</t>
    </rPh>
    <rPh sb="2" eb="3">
      <t>レイ</t>
    </rPh>
    <rPh sb="6" eb="7">
      <t>ショウ</t>
    </rPh>
    <rPh sb="9" eb="10">
      <t>キョク</t>
    </rPh>
    <phoneticPr fontId="7"/>
  </si>
  <si>
    <r>
      <t>※</t>
    </r>
    <r>
      <rPr>
        <sz val="10"/>
        <rFont val="Arial"/>
        <family val="2"/>
      </rPr>
      <t>4</t>
    </r>
    <phoneticPr fontId="7"/>
  </si>
  <si>
    <t>想定供用期間</t>
    <rPh sb="0" eb="2">
      <t>ソウテイ</t>
    </rPh>
    <rPh sb="2" eb="6">
      <t>キョウヨウキカン</t>
    </rPh>
    <phoneticPr fontId="7"/>
  </si>
  <si>
    <t>賃貸借の場合は賃貸借期間</t>
    <rPh sb="0" eb="3">
      <t>チンタイシャク</t>
    </rPh>
    <rPh sb="4" eb="6">
      <t>バアイ</t>
    </rPh>
    <rPh sb="7" eb="10">
      <t>チンタイシャク</t>
    </rPh>
    <rPh sb="10" eb="12">
      <t>キカン</t>
    </rPh>
    <phoneticPr fontId="7"/>
  </si>
  <si>
    <r>
      <t>※</t>
    </r>
    <r>
      <rPr>
        <sz val="10"/>
        <rFont val="Arial"/>
        <family val="2"/>
      </rPr>
      <t>5</t>
    </r>
    <phoneticPr fontId="7"/>
  </si>
  <si>
    <r>
      <t>※</t>
    </r>
    <r>
      <rPr>
        <sz val="10"/>
        <rFont val="Arial"/>
        <family val="2"/>
      </rPr>
      <t>6</t>
    </r>
    <phoneticPr fontId="7"/>
  </si>
  <si>
    <t>価格
順位
※5</t>
    <phoneticPr fontId="7"/>
  </si>
  <si>
    <t>燃費
順位
※6</t>
    <phoneticPr fontId="7"/>
  </si>
  <si>
    <t>※詳細を記入するシートにおいて行が足りない場合は、適宜必要な行を追加してください。</t>
    <rPh sb="1" eb="3">
      <t>ショウサイ</t>
    </rPh>
    <rPh sb="4" eb="6">
      <t>キニュウ</t>
    </rPh>
    <rPh sb="15" eb="16">
      <t>ギョウ</t>
    </rPh>
    <rPh sb="17" eb="18">
      <t>タ</t>
    </rPh>
    <rPh sb="21" eb="23">
      <t>バアイ</t>
    </rPh>
    <rPh sb="25" eb="27">
      <t>テキギ</t>
    </rPh>
    <rPh sb="27" eb="29">
      <t>ヒツヨウ</t>
    </rPh>
    <rPh sb="30" eb="31">
      <t>ギョウ</t>
    </rPh>
    <rPh sb="32" eb="34">
      <t>ツイカ</t>
    </rPh>
    <phoneticPr fontId="7"/>
  </si>
  <si>
    <t>←新築・増築・改築・大規模改修の別を選択する</t>
    <rPh sb="1" eb="3">
      <t>シンチク</t>
    </rPh>
    <rPh sb="4" eb="6">
      <t>ゾウチク</t>
    </rPh>
    <rPh sb="7" eb="9">
      <t>カイチク</t>
    </rPh>
    <rPh sb="10" eb="13">
      <t>ダイキボ</t>
    </rPh>
    <rPh sb="13" eb="15">
      <t>カイシュウ</t>
    </rPh>
    <rPh sb="16" eb="17">
      <t>ベツ</t>
    </rPh>
    <rPh sb="18" eb="20">
      <t>センタク</t>
    </rPh>
    <phoneticPr fontId="7"/>
  </si>
  <si>
    <t>産業廃棄物の種類</t>
    <rPh sb="0" eb="2">
      <t>サンギョウ</t>
    </rPh>
    <rPh sb="2" eb="5">
      <t>ハイキブツ</t>
    </rPh>
    <rPh sb="6" eb="8">
      <t>シュルイ</t>
    </rPh>
    <phoneticPr fontId="7"/>
  </si>
  <si>
    <t>単価契約／
総価契約
の別</t>
    <rPh sb="0" eb="2">
      <t>タンカ</t>
    </rPh>
    <rPh sb="2" eb="4">
      <t>ケイヤク</t>
    </rPh>
    <rPh sb="6" eb="7">
      <t>ソウ</t>
    </rPh>
    <rPh sb="7" eb="8">
      <t>アタイ</t>
    </rPh>
    <rPh sb="8" eb="10">
      <t>ケイヤク</t>
    </rPh>
    <rPh sb="12" eb="13">
      <t>ベツ</t>
    </rPh>
    <phoneticPr fontId="7"/>
  </si>
  <si>
    <t>（入札の場合のみ）</t>
    <rPh sb="1" eb="3">
      <t>ニュウサツ</t>
    </rPh>
    <rPh sb="4" eb="6">
      <t>バアイ</t>
    </rPh>
    <phoneticPr fontId="7"/>
  </si>
  <si>
    <t>（説明）
→</t>
    <rPh sb="1" eb="3">
      <t>セツメイ</t>
    </rPh>
    <phoneticPr fontId="7"/>
  </si>
  <si>
    <t>例１）</t>
    <rPh sb="0" eb="1">
      <t>レイ</t>
    </rPh>
    <phoneticPr fontId="7"/>
  </si>
  <si>
    <t>例２）</t>
    <rPh sb="0" eb="1">
      <t>レイ</t>
    </rPh>
    <phoneticPr fontId="7"/>
  </si>
  <si>
    <t>□□丸</t>
    <rPh sb="2" eb="3">
      <t>マル</t>
    </rPh>
    <phoneticPr fontId="7"/>
  </si>
  <si>
    <t>故障エンジンの代替品の調達であったため</t>
    <rPh sb="0" eb="2">
      <t>コショウ</t>
    </rPh>
    <rPh sb="7" eb="9">
      <t>ダイタイ</t>
    </rPh>
    <rPh sb="9" eb="10">
      <t>ヒン</t>
    </rPh>
    <rPh sb="11" eb="13">
      <t>チョウタツ</t>
    </rPh>
    <phoneticPr fontId="7"/>
  </si>
  <si>
    <t>総数　(a)</t>
    <rPh sb="0" eb="2">
      <t>ソウスウ</t>
    </rPh>
    <phoneticPr fontId="7"/>
  </si>
  <si>
    <r>
      <t>建築物の</t>
    </r>
    <r>
      <rPr>
        <sz val="11"/>
        <color indexed="12"/>
        <rFont val="ＭＳ Ｐゴシック"/>
        <family val="3"/>
        <charset val="128"/>
      </rPr>
      <t>大規模な改修工事</t>
    </r>
    <r>
      <rPr>
        <sz val="11"/>
        <rFont val="ＭＳ Ｐゴシック"/>
        <family val="3"/>
        <charset val="128"/>
      </rPr>
      <t>に係る設計業務</t>
    </r>
    <rPh sb="0" eb="3">
      <t>ケンチクブツ</t>
    </rPh>
    <rPh sb="4" eb="7">
      <t>ダイキボ</t>
    </rPh>
    <rPh sb="8" eb="10">
      <t>カイシュウ</t>
    </rPh>
    <rPh sb="10" eb="12">
      <t>コウジ</t>
    </rPh>
    <rPh sb="13" eb="14">
      <t>カカ</t>
    </rPh>
    <rPh sb="15" eb="17">
      <t>セッケイ</t>
    </rPh>
    <rPh sb="17" eb="19">
      <t>ギョウム</t>
    </rPh>
    <phoneticPr fontId="7"/>
  </si>
  <si>
    <t>○○事務所</t>
    <rPh sb="2" eb="4">
      <t>ジム</t>
    </rPh>
    <rPh sb="4" eb="5">
      <t>ショ</t>
    </rPh>
    <phoneticPr fontId="7"/>
  </si>
  <si>
    <t>○</t>
  </si>
  <si>
    <t>例３）</t>
    <rPh sb="0" eb="1">
      <t>レイ</t>
    </rPh>
    <phoneticPr fontId="7"/>
  </si>
  <si>
    <t>△△作業所</t>
    <rPh sb="2" eb="4">
      <t>サギョウ</t>
    </rPh>
    <rPh sb="4" eb="5">
      <t>ショ</t>
    </rPh>
    <phoneticPr fontId="7"/>
  </si>
  <si>
    <t>○</t>
    <phoneticPr fontId="7"/>
  </si>
  <si>
    <t>産業廃棄物処理に係る契約の詳細</t>
    <rPh sb="0" eb="2">
      <t>サンギョウ</t>
    </rPh>
    <rPh sb="2" eb="5">
      <t>ハイキブツ</t>
    </rPh>
    <rPh sb="5" eb="7">
      <t>ショリ</t>
    </rPh>
    <rPh sb="8" eb="9">
      <t>カカ</t>
    </rPh>
    <rPh sb="10" eb="12">
      <t>ケイヤク</t>
    </rPh>
    <rPh sb="13" eb="15">
      <t>ショウサイ</t>
    </rPh>
    <phoneticPr fontId="7"/>
  </si>
  <si>
    <t>株式会社エネット</t>
  </si>
  <si>
    <t>ミツウロコグリーンエネルギー株式会社</t>
  </si>
  <si>
    <t>◎</t>
    <phoneticPr fontId="7"/>
  </si>
  <si>
    <t>産業廃棄物の体積から重量への換算係数（参考値）</t>
    <rPh sb="19" eb="21">
      <t>サンコウ</t>
    </rPh>
    <rPh sb="21" eb="22">
      <t>チ</t>
    </rPh>
    <phoneticPr fontId="7"/>
  </si>
  <si>
    <t>出典：　産業廃棄物管理票に関する報告書及び電子マニフェストの普及について（通知）</t>
    <rPh sb="0" eb="2">
      <t>シュッテン</t>
    </rPh>
    <phoneticPr fontId="7"/>
  </si>
  <si>
    <t>　　　　（平成１８年１２月２７日、環廃産発第061227006号）</t>
    <phoneticPr fontId="7"/>
  </si>
  <si>
    <t>燃え殻</t>
  </si>
  <si>
    <t>汚泥</t>
  </si>
  <si>
    <t>廃油</t>
  </si>
  <si>
    <t>廃酸</t>
  </si>
  <si>
    <t>廃アルカリ</t>
  </si>
  <si>
    <t>廃プラスチック</t>
  </si>
  <si>
    <t>紙くず</t>
  </si>
  <si>
    <t>木くず</t>
  </si>
  <si>
    <t>繊維くず</t>
  </si>
  <si>
    <t>食料品製造業、医薬品製造業又は香料製造業において原料として使用した動物又は植物に係る固形状の不要物</t>
  </si>
  <si>
    <t>とさつし、又は解体した獣畜及び食鳥処理した食鳥に係る固形状の不要物</t>
  </si>
  <si>
    <t>鉱さい</t>
  </si>
  <si>
    <t>工作物の新築、改築又は除去に伴って生じたコンクリートの破片その他これに類する不要物</t>
  </si>
  <si>
    <t>動物のふん尿</t>
  </si>
  <si>
    <t>動物の死体</t>
  </si>
  <si>
    <t>ばいじん</t>
  </si>
  <si>
    <t>産業廃棄物を処分するために処理したものであって、前各号に掲げる産業廃棄物に該当しないもの</t>
  </si>
  <si>
    <t>建設混合廃棄物</t>
  </si>
  <si>
    <t>廃電気機械器具</t>
  </si>
  <si>
    <t>感染性産業廃棄物</t>
  </si>
  <si>
    <t>廃石綿等</t>
  </si>
  <si>
    <t>ゴムくず</t>
    <phoneticPr fontId="7"/>
  </si>
  <si>
    <t>金属くず</t>
    <phoneticPr fontId="7"/>
  </si>
  <si>
    <t>ガラスくず、コンクリートくず（工作物の新築、改築又は除去に伴って生じたものを除く。）及び陶磁器くず</t>
    <phoneticPr fontId="7"/>
  </si>
  <si>
    <t>換算係数</t>
    <rPh sb="0" eb="2">
      <t>カンサン</t>
    </rPh>
    <rPh sb="2" eb="4">
      <t>ケイスウ</t>
    </rPh>
    <phoneticPr fontId="7"/>
  </si>
  <si>
    <t>【註１】上記の換算係数は1立方メートル当たりのトン数（ｔ/立米）。</t>
  </si>
  <si>
    <t>【註２】この換算表はあくまでマクロ的な重量を把握するための参考値という位置付けで</t>
  </si>
  <si>
    <t>【註３】特別管理産業廃棄物のうち、感染性産業廃棄物及び廃石綿等以外については、そ</t>
  </si>
  <si>
    <t>【註４】「２ｔ車１台」といったような場合には、積載した廃棄物の体積を推計し、それ</t>
  </si>
  <si>
    <t>庁舎
宿泊施設
試験研究施設
病院
大学
その他</t>
    <rPh sb="0" eb="2">
      <t>チョウシャ</t>
    </rPh>
    <rPh sb="3" eb="5">
      <t>シュクハク</t>
    </rPh>
    <rPh sb="5" eb="7">
      <t>シセツ</t>
    </rPh>
    <rPh sb="8" eb="10">
      <t>シケン</t>
    </rPh>
    <rPh sb="10" eb="12">
      <t>ケンキュウ</t>
    </rPh>
    <rPh sb="12" eb="14">
      <t>シセツ</t>
    </rPh>
    <rPh sb="15" eb="17">
      <t>ビョウイン</t>
    </rPh>
    <rPh sb="18" eb="20">
      <t>ダイガク</t>
    </rPh>
    <rPh sb="23" eb="24">
      <t>タ</t>
    </rPh>
    <phoneticPr fontId="7"/>
  </si>
  <si>
    <t>「特別管理産業廃棄物」
または、
「特別管理産業廃棄物以外」</t>
    <rPh sb="1" eb="3">
      <t>トクベツ</t>
    </rPh>
    <rPh sb="3" eb="5">
      <t>カンリ</t>
    </rPh>
    <rPh sb="5" eb="7">
      <t>サンギョウ</t>
    </rPh>
    <rPh sb="7" eb="10">
      <t>ハイキブツ</t>
    </rPh>
    <rPh sb="18" eb="20">
      <t>トクベツ</t>
    </rPh>
    <rPh sb="20" eb="22">
      <t>カンリ</t>
    </rPh>
    <rPh sb="22" eb="24">
      <t>サンギョウ</t>
    </rPh>
    <rPh sb="24" eb="27">
      <t>ハイキブツ</t>
    </rPh>
    <rPh sb="27" eb="29">
      <t>イガイ</t>
    </rPh>
    <phoneticPr fontId="7"/>
  </si>
  <si>
    <t>単価
総価</t>
    <rPh sb="0" eb="2">
      <t>タンカ</t>
    </rPh>
    <rPh sb="3" eb="4">
      <t>ソウ</t>
    </rPh>
    <rPh sb="4" eb="5">
      <t>アタイ</t>
    </rPh>
    <phoneticPr fontId="7"/>
  </si>
  <si>
    <t>収集運搬
処分業
収集運搬＋処分業</t>
    <rPh sb="0" eb="2">
      <t>シュウシュウ</t>
    </rPh>
    <rPh sb="2" eb="4">
      <t>ウンパン</t>
    </rPh>
    <rPh sb="5" eb="7">
      <t>ショブン</t>
    </rPh>
    <rPh sb="7" eb="8">
      <t>ギョウ</t>
    </rPh>
    <rPh sb="9" eb="11">
      <t>シュウシュウ</t>
    </rPh>
    <rPh sb="11" eb="13">
      <t>ウンパン</t>
    </rPh>
    <rPh sb="14" eb="16">
      <t>ショブン</t>
    </rPh>
    <rPh sb="16" eb="17">
      <t>ギョウ</t>
    </rPh>
    <phoneticPr fontId="7"/>
  </si>
  <si>
    <t>体積から重量への換算はシート[換算表]を参照のこと</t>
    <rPh sb="0" eb="2">
      <t>タイセキ</t>
    </rPh>
    <rPh sb="4" eb="6">
      <t>ジュウリョウ</t>
    </rPh>
    <rPh sb="8" eb="10">
      <t>カンサン</t>
    </rPh>
    <rPh sb="15" eb="17">
      <t>カンサン</t>
    </rPh>
    <rPh sb="17" eb="18">
      <t>ヒョウ</t>
    </rPh>
    <rPh sb="20" eb="22">
      <t>サンショウ</t>
    </rPh>
    <phoneticPr fontId="7"/>
  </si>
  <si>
    <t>環境配慮型プロポーザル方式を実施した件数　　　⇒</t>
    <rPh sb="0" eb="2">
      <t>カンキョウ</t>
    </rPh>
    <rPh sb="2" eb="5">
      <t>ハイリョガタ</t>
    </rPh>
    <rPh sb="11" eb="13">
      <t>ホウシキ</t>
    </rPh>
    <rPh sb="14" eb="16">
      <t>ジッシ</t>
    </rPh>
    <rPh sb="18" eb="20">
      <t>ケンスウ</t>
    </rPh>
    <phoneticPr fontId="7"/>
  </si>
  <si>
    <t>予定使用電力量（kWh/年）</t>
    <rPh sb="0" eb="2">
      <t>ヨテイ</t>
    </rPh>
    <rPh sb="2" eb="4">
      <t>シヨウ</t>
    </rPh>
    <rPh sb="4" eb="6">
      <t>デンリョク</t>
    </rPh>
    <rPh sb="6" eb="7">
      <t>リョウ</t>
    </rPh>
    <rPh sb="12" eb="13">
      <t>ネン</t>
    </rPh>
    <phoneticPr fontId="7"/>
  </si>
  <si>
    <t>合計</t>
    <rPh sb="0" eb="2">
      <t>ゴウケイ</t>
    </rPh>
    <phoneticPr fontId="7"/>
  </si>
  <si>
    <t>（２）予定使用電力量の集計</t>
    <rPh sb="3" eb="10">
      <t>ヨテイシヨウデンリョクリョウ</t>
    </rPh>
    <rPh sb="11" eb="13">
      <t>シュウケイ</t>
    </rPh>
    <phoneticPr fontId="7"/>
  </si>
  <si>
    <t>　あることに留意されたい。</t>
    <phoneticPr fontId="7"/>
  </si>
  <si>
    <t>　れぞれ1-19に該当する品目の換算係数に準拠。</t>
    <phoneticPr fontId="7"/>
  </si>
  <si>
    <t>　に上記換算係数を掛けることによりトン数を計算する方法がある。</t>
    <phoneticPr fontId="7"/>
  </si>
  <si>
    <t>A</t>
  </si>
  <si>
    <t>総数（合計）</t>
    <rPh sb="0" eb="2">
      <t>ソウスウ</t>
    </rPh>
    <rPh sb="3" eb="5">
      <t>ゴウケイ</t>
    </rPh>
    <phoneticPr fontId="7"/>
  </si>
  <si>
    <t>（１）環境配慮型プロポーザル方式の実施実績（新築、増築等）</t>
    <rPh sb="3" eb="5">
      <t>カンキョウ</t>
    </rPh>
    <rPh sb="5" eb="8">
      <t>ハイリョガタ</t>
    </rPh>
    <rPh sb="14" eb="16">
      <t>ホウシキ</t>
    </rPh>
    <rPh sb="17" eb="19">
      <t>ジッシ</t>
    </rPh>
    <rPh sb="19" eb="21">
      <t>ジッセキ</t>
    </rPh>
    <rPh sb="22" eb="24">
      <t>シンチク</t>
    </rPh>
    <rPh sb="25" eb="27">
      <t>ゾウチク</t>
    </rPh>
    <rPh sb="27" eb="28">
      <t>トウ</t>
    </rPh>
    <phoneticPr fontId="7"/>
  </si>
  <si>
    <r>
      <t>建築物の</t>
    </r>
    <r>
      <rPr>
        <sz val="11"/>
        <color indexed="12"/>
        <rFont val="ＭＳ Ｐゴシック"/>
        <family val="3"/>
        <charset val="128"/>
      </rPr>
      <t>建築（新築、増築等）</t>
    </r>
    <r>
      <rPr>
        <sz val="11"/>
        <rFont val="ＭＳ Ｐゴシック"/>
        <family val="3"/>
        <charset val="128"/>
      </rPr>
      <t>に係る設計業務</t>
    </r>
    <rPh sb="0" eb="3">
      <t>ケンチクブツ</t>
    </rPh>
    <rPh sb="4" eb="6">
      <t>ケンチク</t>
    </rPh>
    <rPh sb="7" eb="9">
      <t>シンチク</t>
    </rPh>
    <rPh sb="10" eb="12">
      <t>ゾウチク</t>
    </rPh>
    <rPh sb="12" eb="13">
      <t>トウ</t>
    </rPh>
    <rPh sb="15" eb="16">
      <t>カカ</t>
    </rPh>
    <rPh sb="17" eb="19">
      <t>セッケイ</t>
    </rPh>
    <rPh sb="19" eb="21">
      <t>ギョウム</t>
    </rPh>
    <phoneticPr fontId="7"/>
  </si>
  <si>
    <t>施設名・件名等</t>
    <phoneticPr fontId="7"/>
  </si>
  <si>
    <t>発注案件単位で入力</t>
    <rPh sb="0" eb="2">
      <t>ハッチュウ</t>
    </rPh>
    <rPh sb="2" eb="4">
      <t>アンケン</t>
    </rPh>
    <rPh sb="4" eb="6">
      <t>タンイ</t>
    </rPh>
    <rPh sb="7" eb="9">
      <t>ニュウリョク</t>
    </rPh>
    <phoneticPr fontId="7"/>
  </si>
  <si>
    <t>施設用途</t>
    <rPh sb="0" eb="2">
      <t>シセツ</t>
    </rPh>
    <rPh sb="2" eb="4">
      <t>ヨウト</t>
    </rPh>
    <phoneticPr fontId="7"/>
  </si>
  <si>
    <t>入札契約方式</t>
    <rPh sb="0" eb="2">
      <t>ニュウサツ</t>
    </rPh>
    <rPh sb="2" eb="4">
      <t>ケイヤク</t>
    </rPh>
    <rPh sb="4" eb="6">
      <t>ホウシキ</t>
    </rPh>
    <phoneticPr fontId="7"/>
  </si>
  <si>
    <t>履行期間</t>
    <rPh sb="0" eb="2">
      <t>リコウ</t>
    </rPh>
    <rPh sb="2" eb="4">
      <t>キカン</t>
    </rPh>
    <phoneticPr fontId="7"/>
  </si>
  <si>
    <t>業務内容</t>
    <rPh sb="0" eb="2">
      <t>ギョウム</t>
    </rPh>
    <rPh sb="2" eb="4">
      <t>ナイヨウ</t>
    </rPh>
    <phoneticPr fontId="7"/>
  </si>
  <si>
    <t>入札参加者数</t>
    <rPh sb="0" eb="2">
      <t>ニュウサツ</t>
    </rPh>
    <rPh sb="2" eb="4">
      <t>サンカ</t>
    </rPh>
    <rPh sb="4" eb="5">
      <t>シャ</t>
    </rPh>
    <rPh sb="5" eb="6">
      <t>スウ</t>
    </rPh>
    <phoneticPr fontId="7"/>
  </si>
  <si>
    <t>産業廃棄物処理に係る契約件数</t>
    <rPh sb="0" eb="2">
      <t>サンギョウ</t>
    </rPh>
    <rPh sb="2" eb="5">
      <t>ハイキブツ</t>
    </rPh>
    <rPh sb="5" eb="7">
      <t>ショリ</t>
    </rPh>
    <rPh sb="8" eb="9">
      <t>カカ</t>
    </rPh>
    <rPh sb="10" eb="12">
      <t>ケイヤク</t>
    </rPh>
    <rPh sb="12" eb="14">
      <t>ケンスウ</t>
    </rPh>
    <phoneticPr fontId="7"/>
  </si>
  <si>
    <t>（１）入札の実施件数</t>
    <rPh sb="3" eb="5">
      <t>ニュウサツ</t>
    </rPh>
    <rPh sb="6" eb="8">
      <t>ジッシ</t>
    </rPh>
    <rPh sb="8" eb="9">
      <t>ケン</t>
    </rPh>
    <rPh sb="9" eb="10">
      <t>スウ</t>
    </rPh>
    <phoneticPr fontId="7"/>
  </si>
  <si>
    <t>（１）産業廃棄物処理に係る契約件数</t>
    <rPh sb="3" eb="5">
      <t>サンギョウ</t>
    </rPh>
    <rPh sb="5" eb="8">
      <t>ハイキブツ</t>
    </rPh>
    <rPh sb="8" eb="10">
      <t>ショリ</t>
    </rPh>
    <rPh sb="11" eb="12">
      <t>カカ</t>
    </rPh>
    <rPh sb="13" eb="15">
      <t>ケイヤク</t>
    </rPh>
    <rPh sb="15" eb="17">
      <t>ケンスウ</t>
    </rPh>
    <phoneticPr fontId="7"/>
  </si>
  <si>
    <t>収集運搬</t>
    <rPh sb="0" eb="2">
      <t>シュウシュウ</t>
    </rPh>
    <rPh sb="2" eb="4">
      <t>ウンパン</t>
    </rPh>
    <phoneticPr fontId="7"/>
  </si>
  <si>
    <t>（２）産業廃棄物数量（予定を含む）</t>
    <rPh sb="3" eb="5">
      <t>サンギョウ</t>
    </rPh>
    <rPh sb="5" eb="8">
      <t>ハイキブツ</t>
    </rPh>
    <rPh sb="8" eb="10">
      <t>スウリョウ</t>
    </rPh>
    <rPh sb="11" eb="13">
      <t>ヨテイ</t>
    </rPh>
    <rPh sb="14" eb="15">
      <t>フク</t>
    </rPh>
    <phoneticPr fontId="7"/>
  </si>
  <si>
    <t>（２）環境配慮契約法基本方針について</t>
    <rPh sb="3" eb="5">
      <t>カンキョウ</t>
    </rPh>
    <rPh sb="5" eb="7">
      <t>ハイリョ</t>
    </rPh>
    <rPh sb="7" eb="9">
      <t>ケイヤク</t>
    </rPh>
    <rPh sb="9" eb="10">
      <t>ホウ</t>
    </rPh>
    <rPh sb="10" eb="12">
      <t>キホン</t>
    </rPh>
    <rPh sb="12" eb="14">
      <t>ホウシン</t>
    </rPh>
    <phoneticPr fontId="7"/>
  </si>
  <si>
    <t>（３）環境配慮契約法基本方針解説資料、本実績調査について</t>
    <rPh sb="3" eb="5">
      <t>カンキョウ</t>
    </rPh>
    <rPh sb="5" eb="7">
      <t>ハイリョ</t>
    </rPh>
    <rPh sb="7" eb="9">
      <t>ケイヤク</t>
    </rPh>
    <rPh sb="9" eb="10">
      <t>ホウ</t>
    </rPh>
    <rPh sb="10" eb="12">
      <t>キホン</t>
    </rPh>
    <rPh sb="12" eb="14">
      <t>ホウシン</t>
    </rPh>
    <rPh sb="14" eb="16">
      <t>カイセツ</t>
    </rPh>
    <rPh sb="16" eb="18">
      <t>シリョウ</t>
    </rPh>
    <rPh sb="19" eb="20">
      <t>ホン</t>
    </rPh>
    <rPh sb="20" eb="22">
      <t>ジッセキ</t>
    </rPh>
    <rPh sb="22" eb="24">
      <t>チョウサ</t>
    </rPh>
    <phoneticPr fontId="7"/>
  </si>
  <si>
    <t>解説資料、本実績調査の他、環境配慮契約を推進する上で修正等の意見・要望があれば記入して下さい。</t>
    <rPh sb="0" eb="2">
      <t>カイセツ</t>
    </rPh>
    <rPh sb="2" eb="4">
      <t>シリョウ</t>
    </rPh>
    <rPh sb="5" eb="6">
      <t>ホン</t>
    </rPh>
    <rPh sb="6" eb="8">
      <t>ジッセキ</t>
    </rPh>
    <rPh sb="8" eb="10">
      <t>チョウサ</t>
    </rPh>
    <rPh sb="11" eb="12">
      <t>ホカ</t>
    </rPh>
    <rPh sb="13" eb="15">
      <t>カンキョウ</t>
    </rPh>
    <rPh sb="15" eb="17">
      <t>ハイリョ</t>
    </rPh>
    <rPh sb="17" eb="19">
      <t>ケイヤク</t>
    </rPh>
    <rPh sb="20" eb="22">
      <t>スイシン</t>
    </rPh>
    <rPh sb="24" eb="25">
      <t>ウエ</t>
    </rPh>
    <rPh sb="26" eb="28">
      <t>シュウセイ</t>
    </rPh>
    <rPh sb="28" eb="29">
      <t>トウ</t>
    </rPh>
    <rPh sb="30" eb="32">
      <t>イケン</t>
    </rPh>
    <rPh sb="33" eb="35">
      <t>ヨウボウ</t>
    </rPh>
    <rPh sb="39" eb="41">
      <t>キニュウ</t>
    </rPh>
    <rPh sb="43" eb="44">
      <t>クダ</t>
    </rPh>
    <phoneticPr fontId="7"/>
  </si>
  <si>
    <t>入札参加者数</t>
    <rPh sb="2" eb="4">
      <t>サンカ</t>
    </rPh>
    <phoneticPr fontId="7"/>
  </si>
  <si>
    <t>仕様に記載した推進機の性能</t>
    <rPh sb="0" eb="2">
      <t>シヨウ</t>
    </rPh>
    <rPh sb="3" eb="5">
      <t>キサイ</t>
    </rPh>
    <rPh sb="7" eb="9">
      <t>スイシン</t>
    </rPh>
    <rPh sb="9" eb="10">
      <t>キ</t>
    </rPh>
    <rPh sb="11" eb="13">
      <t>セイノウ</t>
    </rPh>
    <phoneticPr fontId="7"/>
  </si>
  <si>
    <r>
      <t>備考
（</t>
    </r>
    <r>
      <rPr>
        <sz val="9"/>
        <rFont val="ＭＳ Ｐゴシック"/>
        <family val="3"/>
        <charset val="128"/>
      </rPr>
      <t>環境配慮契約の場合は仕様作成に当たり参考とした基準を、環境配慮契約でない場合はその理由を記載）</t>
    </r>
    <rPh sb="0" eb="2">
      <t>ビコウ</t>
    </rPh>
    <rPh sb="4" eb="6">
      <t>カンキョウ</t>
    </rPh>
    <rPh sb="6" eb="8">
      <t>ハイリョ</t>
    </rPh>
    <rPh sb="8" eb="10">
      <t>ケイヤク</t>
    </rPh>
    <rPh sb="11" eb="13">
      <t>バアイ</t>
    </rPh>
    <rPh sb="14" eb="16">
      <t>シヨウ</t>
    </rPh>
    <rPh sb="16" eb="18">
      <t>サクセイ</t>
    </rPh>
    <rPh sb="19" eb="20">
      <t>ア</t>
    </rPh>
    <rPh sb="22" eb="24">
      <t>サンコウ</t>
    </rPh>
    <rPh sb="27" eb="29">
      <t>キジュン</t>
    </rPh>
    <rPh sb="31" eb="33">
      <t>カンキョウ</t>
    </rPh>
    <rPh sb="33" eb="35">
      <t>ハイリョ</t>
    </rPh>
    <rPh sb="35" eb="37">
      <t>ケイヤク</t>
    </rPh>
    <rPh sb="40" eb="42">
      <t>バアイ</t>
    </rPh>
    <rPh sb="45" eb="47">
      <t>リユウ</t>
    </rPh>
    <rPh sb="48" eb="50">
      <t>キサイ</t>
    </rPh>
    <phoneticPr fontId="7"/>
  </si>
  <si>
    <t>環境保全型ガソリン船外機関型式認定基準</t>
    <rPh sb="0" eb="2">
      <t>カンキョウ</t>
    </rPh>
    <rPh sb="2" eb="5">
      <t>ホゼンガタ</t>
    </rPh>
    <rPh sb="9" eb="11">
      <t>センガイ</t>
    </rPh>
    <rPh sb="11" eb="13">
      <t>キカン</t>
    </rPh>
    <rPh sb="13" eb="15">
      <t>カタシキ</t>
    </rPh>
    <rPh sb="15" eb="17">
      <t>ニンテイ</t>
    </rPh>
    <rPh sb="17" eb="19">
      <t>キジュン</t>
    </rPh>
    <phoneticPr fontId="7"/>
  </si>
  <si>
    <t>このファイルには、このシート及び留意点のシートの他に以下のシートがあります。</t>
    <rPh sb="14" eb="15">
      <t>オヨ</t>
    </rPh>
    <rPh sb="16" eb="19">
      <t>リュウイテン</t>
    </rPh>
    <rPh sb="24" eb="25">
      <t>ホカ</t>
    </rPh>
    <rPh sb="26" eb="28">
      <t>イカ</t>
    </rPh>
    <phoneticPr fontId="7"/>
  </si>
  <si>
    <t>留意点シートの調査票記入に当たっての留意点を確認の上、記入してください。</t>
    <rPh sb="0" eb="3">
      <t>リュウイテン</t>
    </rPh>
    <rPh sb="7" eb="9">
      <t>チョウサ</t>
    </rPh>
    <rPh sb="9" eb="10">
      <t>ヒョウ</t>
    </rPh>
    <rPh sb="10" eb="12">
      <t>キニュウ</t>
    </rPh>
    <rPh sb="13" eb="14">
      <t>ア</t>
    </rPh>
    <rPh sb="18" eb="21">
      <t>リュウイテン</t>
    </rPh>
    <rPh sb="22" eb="24">
      <t>カクニン</t>
    </rPh>
    <rPh sb="25" eb="26">
      <t>ウエ</t>
    </rPh>
    <rPh sb="27" eb="29">
      <t>キニュウ</t>
    </rPh>
    <phoneticPr fontId="7"/>
  </si>
  <si>
    <t>実績調査票 記入の際の留意点について</t>
    <rPh sb="0" eb="2">
      <t>ジッセキ</t>
    </rPh>
    <rPh sb="2" eb="5">
      <t>チョウサヒョウ</t>
    </rPh>
    <rPh sb="6" eb="8">
      <t>キニュウ</t>
    </rPh>
    <rPh sb="9" eb="10">
      <t>サイ</t>
    </rPh>
    <rPh sb="11" eb="14">
      <t>リュウイテン</t>
    </rPh>
    <phoneticPr fontId="7"/>
  </si>
  <si>
    <t>１．電気の供給を受ける契約</t>
    <rPh sb="2" eb="4">
      <t>デンキ</t>
    </rPh>
    <rPh sb="5" eb="7">
      <t>キョウキュウ</t>
    </rPh>
    <rPh sb="8" eb="9">
      <t>ウ</t>
    </rPh>
    <rPh sb="11" eb="13">
      <t>ケイヤク</t>
    </rPh>
    <phoneticPr fontId="7"/>
  </si>
  <si>
    <t>２．自動車の購入及び賃貸借に係る契約</t>
    <rPh sb="2" eb="5">
      <t>ジドウシャ</t>
    </rPh>
    <rPh sb="6" eb="8">
      <t>コウニュウ</t>
    </rPh>
    <rPh sb="8" eb="9">
      <t>オヨ</t>
    </rPh>
    <rPh sb="10" eb="13">
      <t>チンタイシャク</t>
    </rPh>
    <rPh sb="14" eb="15">
      <t>カカ</t>
    </rPh>
    <rPh sb="16" eb="18">
      <t>ケイヤク</t>
    </rPh>
    <phoneticPr fontId="7"/>
  </si>
  <si>
    <t>B</t>
  </si>
  <si>
    <t>C</t>
  </si>
  <si>
    <t>特別管理産業廃棄物</t>
  </si>
  <si>
    <t>特別管理産業廃棄物以外</t>
  </si>
  <si>
    <t>収集運搬＋処分業</t>
  </si>
  <si>
    <t>処分業</t>
  </si>
  <si>
    <t>処分業</t>
    <rPh sb="0" eb="2">
      <t>ショブン</t>
    </rPh>
    <rPh sb="2" eb="3">
      <t>ギョウ</t>
    </rPh>
    <phoneticPr fontId="7"/>
  </si>
  <si>
    <t>○○</t>
    <phoneticPr fontId="7"/>
  </si>
  <si>
    <t>庁舎</t>
  </si>
  <si>
    <t>病院</t>
  </si>
  <si>
    <t>試験研究施設</t>
  </si>
  <si>
    <t>収集運搬</t>
  </si>
  <si>
    <t>単価</t>
  </si>
  <si>
    <t>総価</t>
  </si>
  <si>
    <t>（環境配慮契約による裾切りを
未実施の場合のみ）</t>
    <rPh sb="1" eb="3">
      <t>カンキョウ</t>
    </rPh>
    <rPh sb="3" eb="5">
      <t>ハイリョ</t>
    </rPh>
    <rPh sb="5" eb="7">
      <t>ケイヤク</t>
    </rPh>
    <rPh sb="10" eb="11">
      <t>スソ</t>
    </rPh>
    <rPh sb="11" eb="12">
      <t>キ</t>
    </rPh>
    <rPh sb="15" eb="16">
      <t>ミ</t>
    </rPh>
    <rPh sb="16" eb="18">
      <t>ジッシ</t>
    </rPh>
    <rPh sb="19" eb="21">
      <t>バアイ</t>
    </rPh>
    <phoneticPr fontId="7"/>
  </si>
  <si>
    <t>※行が不足する場合はこの下にコピーしてください（このシートは保護していません）</t>
    <rPh sb="1" eb="2">
      <t>ギョウ</t>
    </rPh>
    <rPh sb="3" eb="5">
      <t>フソク</t>
    </rPh>
    <rPh sb="7" eb="9">
      <t>バアイ</t>
    </rPh>
    <rPh sb="12" eb="13">
      <t>シタ</t>
    </rPh>
    <rPh sb="30" eb="32">
      <t>ホゴ</t>
    </rPh>
    <phoneticPr fontId="7"/>
  </si>
  <si>
    <t>60～80</t>
    <phoneticPr fontId="7"/>
  </si>
  <si>
    <t>産業廃棄物数量（トン）</t>
    <rPh sb="0" eb="2">
      <t>サンギョウ</t>
    </rPh>
    <rPh sb="2" eb="5">
      <t>ハイキブツ</t>
    </rPh>
    <rPh sb="5" eb="7">
      <t>スウリョウ</t>
    </rPh>
    <phoneticPr fontId="7"/>
  </si>
  <si>
    <t xml:space="preserve">・
</t>
    <phoneticPr fontId="7"/>
  </si>
  <si>
    <t>環境配慮契約
以外の入札</t>
    <rPh sb="0" eb="2">
      <t>カンキョウ</t>
    </rPh>
    <rPh sb="2" eb="4">
      <t>ハイリョ</t>
    </rPh>
    <rPh sb="4" eb="6">
      <t>ケイヤク</t>
    </rPh>
    <rPh sb="7" eb="9">
      <t>イガイ</t>
    </rPh>
    <rPh sb="10" eb="12">
      <t>ニュウサツ</t>
    </rPh>
    <phoneticPr fontId="7"/>
  </si>
  <si>
    <t>課題点およびご意見</t>
    <rPh sb="0" eb="2">
      <t>カダイ</t>
    </rPh>
    <rPh sb="2" eb="3">
      <t>テン</t>
    </rPh>
    <rPh sb="7" eb="9">
      <t>イケン</t>
    </rPh>
    <phoneticPr fontId="7"/>
  </si>
  <si>
    <t>理由もしくは対応策</t>
    <rPh sb="0" eb="2">
      <t>リユウ</t>
    </rPh>
    <rPh sb="6" eb="9">
      <t>タイオウサク</t>
    </rPh>
    <phoneticPr fontId="7"/>
  </si>
  <si>
    <t>環境配慮契約への課題点およびご意見をお書きください。</t>
    <rPh sb="0" eb="2">
      <t>カンキョウ</t>
    </rPh>
    <rPh sb="2" eb="4">
      <t>ハイリョ</t>
    </rPh>
    <rPh sb="4" eb="6">
      <t>ケイヤク</t>
    </rPh>
    <rPh sb="8" eb="10">
      <t>カダイ</t>
    </rPh>
    <rPh sb="10" eb="11">
      <t>テン</t>
    </rPh>
    <rPh sb="15" eb="17">
      <t>イケン</t>
    </rPh>
    <rPh sb="19" eb="20">
      <t>カ</t>
    </rPh>
    <phoneticPr fontId="7"/>
  </si>
  <si>
    <t>課題点と感じる理由もしくは、実際の入札時の対応を教えて下さい。</t>
    <rPh sb="0" eb="2">
      <t>カダイ</t>
    </rPh>
    <rPh sb="2" eb="3">
      <t>テン</t>
    </rPh>
    <rPh sb="4" eb="5">
      <t>カン</t>
    </rPh>
    <rPh sb="7" eb="9">
      <t>リユウ</t>
    </rPh>
    <rPh sb="14" eb="16">
      <t>ジッサイ</t>
    </rPh>
    <rPh sb="17" eb="19">
      <t>ニュウサツ</t>
    </rPh>
    <rPh sb="19" eb="20">
      <t>ジ</t>
    </rPh>
    <rPh sb="21" eb="23">
      <t>タイオウ</t>
    </rPh>
    <rPh sb="24" eb="25">
      <t>オシ</t>
    </rPh>
    <rPh sb="27" eb="28">
      <t>クダ</t>
    </rPh>
    <phoneticPr fontId="7"/>
  </si>
  <si>
    <t>処分業</t>
    <rPh sb="0" eb="3">
      <t>ショブンギョウ</t>
    </rPh>
    <phoneticPr fontId="7"/>
  </si>
  <si>
    <t>裾切りの点数が高い。</t>
    <rPh sb="0" eb="2">
      <t>スソキ</t>
    </rPh>
    <rPh sb="4" eb="6">
      <t>テンスウ</t>
    </rPh>
    <rPh sb="7" eb="8">
      <t>タカ</t>
    </rPh>
    <phoneticPr fontId="7"/>
  </si>
  <si>
    <t>事前調査を行うと、現行の裾切り点を超える得点を獲得出来る業者が少なかった。
60%の得点率で裾切りするところを40%に下げて裾切りを行った。</t>
    <rPh sb="0" eb="2">
      <t>ジゼン</t>
    </rPh>
    <rPh sb="2" eb="4">
      <t>チョウサ</t>
    </rPh>
    <rPh sb="5" eb="6">
      <t>オコナ</t>
    </rPh>
    <rPh sb="9" eb="11">
      <t>ゲンコウ</t>
    </rPh>
    <rPh sb="12" eb="14">
      <t>スソキ</t>
    </rPh>
    <rPh sb="15" eb="16">
      <t>テン</t>
    </rPh>
    <rPh sb="17" eb="18">
      <t>コ</t>
    </rPh>
    <rPh sb="20" eb="22">
      <t>トクテン</t>
    </rPh>
    <rPh sb="23" eb="27">
      <t>カクトクデキ</t>
    </rPh>
    <rPh sb="28" eb="30">
      <t>ギョウシャ</t>
    </rPh>
    <rPh sb="31" eb="32">
      <t>スク</t>
    </rPh>
    <rPh sb="42" eb="44">
      <t>トクテン</t>
    </rPh>
    <rPh sb="44" eb="45">
      <t>リツ</t>
    </rPh>
    <rPh sb="46" eb="48">
      <t>スソキ</t>
    </rPh>
    <rPh sb="59" eb="60">
      <t>サ</t>
    </rPh>
    <rPh sb="62" eb="64">
      <t>スソキ</t>
    </rPh>
    <rPh sb="66" eb="67">
      <t>オコナ</t>
    </rPh>
    <phoneticPr fontId="7"/>
  </si>
  <si>
    <t>業務共通</t>
    <rPh sb="0" eb="2">
      <t>ギョウム</t>
    </rPh>
    <rPh sb="2" eb="4">
      <t>キョウツウ</t>
    </rPh>
    <phoneticPr fontId="7"/>
  </si>
  <si>
    <t>評価項目、電子マニフェストを要件にするのは時期尚早でないか？</t>
    <rPh sb="0" eb="2">
      <t>ヒョウカ</t>
    </rPh>
    <rPh sb="2" eb="4">
      <t>コウモク</t>
    </rPh>
    <rPh sb="5" eb="7">
      <t>デンシ</t>
    </rPh>
    <rPh sb="14" eb="16">
      <t>ヨウケン</t>
    </rPh>
    <rPh sb="21" eb="25">
      <t>ジキショウソウ</t>
    </rPh>
    <phoneticPr fontId="7"/>
  </si>
  <si>
    <t>当該入札地域で電子マニフェストはまだ十分に普及していない。
電子マニフェストに関する評価項目を削除し、裾切りを行った。</t>
    <rPh sb="0" eb="2">
      <t>トウガイ</t>
    </rPh>
    <rPh sb="2" eb="4">
      <t>ニュウサツ</t>
    </rPh>
    <rPh sb="4" eb="6">
      <t>チイキ</t>
    </rPh>
    <rPh sb="7" eb="9">
      <t>デンシ</t>
    </rPh>
    <rPh sb="18" eb="20">
      <t>ジュウブン</t>
    </rPh>
    <rPh sb="21" eb="23">
      <t>フキュウ</t>
    </rPh>
    <rPh sb="30" eb="32">
      <t>デンシ</t>
    </rPh>
    <rPh sb="39" eb="40">
      <t>カン</t>
    </rPh>
    <rPh sb="42" eb="44">
      <t>ヒョウカ</t>
    </rPh>
    <rPh sb="44" eb="46">
      <t>コウモク</t>
    </rPh>
    <rPh sb="47" eb="49">
      <t>サクジョ</t>
    </rPh>
    <rPh sb="51" eb="53">
      <t>スソキ</t>
    </rPh>
    <rPh sb="55" eb="56">
      <t>オコナ</t>
    </rPh>
    <phoneticPr fontId="7"/>
  </si>
  <si>
    <t>環境省ホームページにあるチェックリストを用いて、内容を確認しているが、
⑦などをみると、
”情報を公開する日の属する月の前々月までの三年間（以下「直前三年間」という。）の各月のデータが公開されていること”
という趣旨の記載がある。各月のデータを逐次アップロードしていくのは現状厳しい業者もいるので、公開条件を緩和した。</t>
    <rPh sb="0" eb="3">
      <t>カンキョウショウ</t>
    </rPh>
    <rPh sb="20" eb="21">
      <t>モチ</t>
    </rPh>
    <rPh sb="24" eb="26">
      <t>ナイヨウ</t>
    </rPh>
    <rPh sb="27" eb="29">
      <t>カクニン</t>
    </rPh>
    <rPh sb="92" eb="94">
      <t>コウカイ</t>
    </rPh>
    <rPh sb="106" eb="108">
      <t>シュシ</t>
    </rPh>
    <rPh sb="109" eb="111">
      <t>キサイ</t>
    </rPh>
    <rPh sb="115" eb="117">
      <t>カクツキ</t>
    </rPh>
    <rPh sb="122" eb="124">
      <t>チクジ</t>
    </rPh>
    <rPh sb="136" eb="138">
      <t>ゲンジョウ</t>
    </rPh>
    <rPh sb="138" eb="139">
      <t>キビ</t>
    </rPh>
    <rPh sb="141" eb="143">
      <t>ギョウシャ</t>
    </rPh>
    <rPh sb="149" eb="151">
      <t>コウカイ</t>
    </rPh>
    <rPh sb="151" eb="153">
      <t>ジョウケン</t>
    </rPh>
    <rPh sb="154" eb="156">
      <t>カンワ</t>
    </rPh>
    <phoneticPr fontId="7"/>
  </si>
  <si>
    <t>追加項目</t>
    <rPh sb="0" eb="2">
      <t>ツイカ</t>
    </rPh>
    <rPh sb="2" eb="4">
      <t>コウモク</t>
    </rPh>
    <phoneticPr fontId="7"/>
  </si>
  <si>
    <t>追加方法</t>
    <rPh sb="0" eb="2">
      <t>ツイカ</t>
    </rPh>
    <rPh sb="2" eb="4">
      <t>ホウホウ</t>
    </rPh>
    <phoneticPr fontId="7"/>
  </si>
  <si>
    <t>追加項目を記載してください。</t>
    <rPh sb="0" eb="2">
      <t>ツイカ</t>
    </rPh>
    <rPh sb="2" eb="4">
      <t>コウモク</t>
    </rPh>
    <rPh sb="5" eb="7">
      <t>キサイ</t>
    </rPh>
    <phoneticPr fontId="7"/>
  </si>
  <si>
    <t>低公害機器の導入</t>
    <rPh sb="0" eb="3">
      <t>テイコウガイ</t>
    </rPh>
    <rPh sb="3" eb="5">
      <t>キキ</t>
    </rPh>
    <rPh sb="6" eb="8">
      <t>ドウニュウ</t>
    </rPh>
    <phoneticPr fontId="7"/>
  </si>
  <si>
    <t>中間処理で破砕処理の契約であるので、破砕機器を追加項目とした。
解説資料の評価項目a)環境配慮への取組状況、b)優良認定への適合状況、に加え”c)中間処理業固有の取組”追加項目を定義した。
評価方法は基本方針解説資料の通り。</t>
    <rPh sb="0" eb="2">
      <t>チュウカン</t>
    </rPh>
    <rPh sb="2" eb="4">
      <t>ショリ</t>
    </rPh>
    <rPh sb="5" eb="7">
      <t>ハサイ</t>
    </rPh>
    <rPh sb="7" eb="9">
      <t>ショリ</t>
    </rPh>
    <rPh sb="10" eb="12">
      <t>ケイヤク</t>
    </rPh>
    <rPh sb="18" eb="20">
      <t>ハサイ</t>
    </rPh>
    <rPh sb="20" eb="22">
      <t>キキ</t>
    </rPh>
    <rPh sb="23" eb="25">
      <t>ツイカ</t>
    </rPh>
    <rPh sb="25" eb="27">
      <t>コウモク</t>
    </rPh>
    <rPh sb="32" eb="34">
      <t>カイセツ</t>
    </rPh>
    <rPh sb="34" eb="36">
      <t>シリョウ</t>
    </rPh>
    <rPh sb="37" eb="39">
      <t>ヒョウカ</t>
    </rPh>
    <rPh sb="39" eb="41">
      <t>コウモク</t>
    </rPh>
    <rPh sb="43" eb="45">
      <t>カンキョウ</t>
    </rPh>
    <rPh sb="45" eb="47">
      <t>ハイリョ</t>
    </rPh>
    <rPh sb="49" eb="51">
      <t>トリクミ</t>
    </rPh>
    <rPh sb="51" eb="53">
      <t>ジョウキョウ</t>
    </rPh>
    <rPh sb="56" eb="58">
      <t>ユウリョウ</t>
    </rPh>
    <rPh sb="58" eb="60">
      <t>ニンテイ</t>
    </rPh>
    <rPh sb="62" eb="64">
      <t>テキゴウ</t>
    </rPh>
    <rPh sb="64" eb="66">
      <t>ジョウキョウ</t>
    </rPh>
    <rPh sb="68" eb="69">
      <t>クワ</t>
    </rPh>
    <rPh sb="73" eb="75">
      <t>チュウカン</t>
    </rPh>
    <rPh sb="75" eb="78">
      <t>ショリギョウ</t>
    </rPh>
    <rPh sb="78" eb="80">
      <t>コユウ</t>
    </rPh>
    <rPh sb="81" eb="83">
      <t>トリクミ</t>
    </rPh>
    <rPh sb="84" eb="86">
      <t>ツイカ</t>
    </rPh>
    <rPh sb="86" eb="88">
      <t>コウモク</t>
    </rPh>
    <rPh sb="89" eb="91">
      <t>テイギ</t>
    </rPh>
    <rPh sb="95" eb="97">
      <t>ヒョウカ</t>
    </rPh>
    <rPh sb="97" eb="99">
      <t>ホウホウ</t>
    </rPh>
    <rPh sb="100" eb="102">
      <t>キホン</t>
    </rPh>
    <rPh sb="102" eb="104">
      <t>ホウシン</t>
    </rPh>
    <rPh sb="104" eb="106">
      <t>カイセツ</t>
    </rPh>
    <rPh sb="106" eb="108">
      <t>シリョウ</t>
    </rPh>
    <rPh sb="109" eb="110">
      <t>トオ</t>
    </rPh>
    <phoneticPr fontId="7"/>
  </si>
  <si>
    <t>例2）</t>
    <rPh sb="0" eb="1">
      <t>レイ</t>
    </rPh>
    <phoneticPr fontId="7"/>
  </si>
  <si>
    <t>以下3項目追加
①環境に配慮した運転
②低燃費車の導入
③低排出ガス車導入割合</t>
    <rPh sb="0" eb="2">
      <t>イカ</t>
    </rPh>
    <rPh sb="3" eb="5">
      <t>コウモク</t>
    </rPh>
    <rPh sb="5" eb="7">
      <t>ツイカ</t>
    </rPh>
    <rPh sb="9" eb="11">
      <t>カンキョウ</t>
    </rPh>
    <rPh sb="12" eb="14">
      <t>ハイリョ</t>
    </rPh>
    <rPh sb="16" eb="18">
      <t>ウンテン</t>
    </rPh>
    <rPh sb="20" eb="24">
      <t>テイネンピシャ</t>
    </rPh>
    <rPh sb="25" eb="27">
      <t>ドウニュウ</t>
    </rPh>
    <rPh sb="29" eb="32">
      <t>テイハイシュツ</t>
    </rPh>
    <rPh sb="34" eb="35">
      <t>シャ</t>
    </rPh>
    <rPh sb="35" eb="37">
      <t>ドウニュウ</t>
    </rPh>
    <rPh sb="37" eb="39">
      <t>ワリアイ</t>
    </rPh>
    <phoneticPr fontId="7"/>
  </si>
  <si>
    <t>環境配慮法基本方針関連資料を参考に解説資料通りに追加項目を定義し、評価を行った。</t>
    <rPh sb="0" eb="2">
      <t>カンキョウ</t>
    </rPh>
    <rPh sb="2" eb="4">
      <t>ハイリョ</t>
    </rPh>
    <rPh sb="4" eb="5">
      <t>ホウ</t>
    </rPh>
    <rPh sb="5" eb="7">
      <t>キホン</t>
    </rPh>
    <rPh sb="7" eb="9">
      <t>ホウシン</t>
    </rPh>
    <rPh sb="9" eb="11">
      <t>カンレン</t>
    </rPh>
    <rPh sb="11" eb="13">
      <t>シリョウ</t>
    </rPh>
    <rPh sb="14" eb="16">
      <t>サンコウ</t>
    </rPh>
    <rPh sb="17" eb="19">
      <t>カイセツ</t>
    </rPh>
    <rPh sb="19" eb="21">
      <t>シリョウ</t>
    </rPh>
    <rPh sb="21" eb="22">
      <t>ドオ</t>
    </rPh>
    <rPh sb="24" eb="26">
      <t>ツイカ</t>
    </rPh>
    <rPh sb="26" eb="28">
      <t>コウモク</t>
    </rPh>
    <rPh sb="29" eb="31">
      <t>テイギ</t>
    </rPh>
    <rPh sb="33" eb="35">
      <t>ヒョウカ</t>
    </rPh>
    <rPh sb="36" eb="37">
      <t>オコナ</t>
    </rPh>
    <phoneticPr fontId="7"/>
  </si>
  <si>
    <t>各業務内容特有の内容であれば（収集運搬、処分業、収集運搬＋処分業）として下さい。
特に、業務に特化したものでなければ（業務共通）としてください。</t>
    <rPh sb="0" eb="1">
      <t>カク</t>
    </rPh>
    <rPh sb="1" eb="3">
      <t>ギョウム</t>
    </rPh>
    <rPh sb="3" eb="5">
      <t>ナイヨウ</t>
    </rPh>
    <rPh sb="5" eb="7">
      <t>トクユウ</t>
    </rPh>
    <rPh sb="8" eb="10">
      <t>ナイヨウ</t>
    </rPh>
    <rPh sb="15" eb="17">
      <t>シュウシュウ</t>
    </rPh>
    <rPh sb="17" eb="19">
      <t>ウンパン</t>
    </rPh>
    <rPh sb="20" eb="23">
      <t>ショブンギョウ</t>
    </rPh>
    <rPh sb="24" eb="26">
      <t>シュウシュウ</t>
    </rPh>
    <rPh sb="26" eb="28">
      <t>ウンパン</t>
    </rPh>
    <rPh sb="29" eb="32">
      <t>ショブンギョウ</t>
    </rPh>
    <rPh sb="36" eb="37">
      <t>クダ</t>
    </rPh>
    <rPh sb="41" eb="42">
      <t>トク</t>
    </rPh>
    <rPh sb="44" eb="46">
      <t>ギョウム</t>
    </rPh>
    <rPh sb="47" eb="49">
      <t>トッカ</t>
    </rPh>
    <rPh sb="59" eb="61">
      <t>ギョウム</t>
    </rPh>
    <rPh sb="61" eb="63">
      <t>キョウツウ</t>
    </rPh>
    <phoneticPr fontId="7"/>
  </si>
  <si>
    <t>追加項目は、解説資料通りとした。合格点の計算方法は、解説資料にある以下のようにある
（業者の総得点）/(評価項目ポイントの満点）＝（業者の総得点）/((a）＋（ｂ）＋（ｃ））＝(業者の総得点）/105&gt;0.6
　＊(a)環境配慮への取組状況=25、(b)優良認定への適合状況=50、（c）収集運搬業固有の取組=30
この方法では、追加項目があることで、その項目でも得点ができないと厳しい評価となる場合もあることから
（ｃ）の追加項目が単純に加点となるように以下のように評価方法を以下のように変更した
(業者の総得点）/((a）＋（ｂ）)=(業者の総得点)/75&gt;0.6</t>
    <rPh sb="0" eb="2">
      <t>ツイカ</t>
    </rPh>
    <rPh sb="2" eb="4">
      <t>コウモク</t>
    </rPh>
    <rPh sb="6" eb="8">
      <t>カイセツ</t>
    </rPh>
    <rPh sb="8" eb="10">
      <t>シリョウ</t>
    </rPh>
    <rPh sb="10" eb="11">
      <t>ドオ</t>
    </rPh>
    <rPh sb="16" eb="19">
      <t>ゴウカクテン</t>
    </rPh>
    <rPh sb="20" eb="22">
      <t>ケイサン</t>
    </rPh>
    <rPh sb="22" eb="24">
      <t>ホウホウ</t>
    </rPh>
    <rPh sb="26" eb="28">
      <t>カイセツ</t>
    </rPh>
    <rPh sb="28" eb="30">
      <t>シリョウ</t>
    </rPh>
    <rPh sb="33" eb="35">
      <t>イカ</t>
    </rPh>
    <rPh sb="43" eb="45">
      <t>ギョウシャ</t>
    </rPh>
    <rPh sb="46" eb="49">
      <t>ソウトクテン</t>
    </rPh>
    <rPh sb="52" eb="54">
      <t>ヒョウカ</t>
    </rPh>
    <rPh sb="54" eb="56">
      <t>コウモク</t>
    </rPh>
    <rPh sb="61" eb="63">
      <t>マンテン</t>
    </rPh>
    <rPh sb="66" eb="68">
      <t>ギョウシャ</t>
    </rPh>
    <rPh sb="69" eb="72">
      <t>ソウトクテン</t>
    </rPh>
    <rPh sb="89" eb="91">
      <t>ギョウシャ</t>
    </rPh>
    <rPh sb="92" eb="95">
      <t>ソウトクテン</t>
    </rPh>
    <rPh sb="110" eb="112">
      <t>カンキョウ</t>
    </rPh>
    <rPh sb="112" eb="114">
      <t>ハイリョ</t>
    </rPh>
    <rPh sb="116" eb="118">
      <t>トリクミ</t>
    </rPh>
    <rPh sb="118" eb="120">
      <t>ジョウキョウ</t>
    </rPh>
    <rPh sb="127" eb="129">
      <t>ユウリョウ</t>
    </rPh>
    <rPh sb="129" eb="131">
      <t>ニンテイ</t>
    </rPh>
    <rPh sb="133" eb="135">
      <t>テキゴウ</t>
    </rPh>
    <rPh sb="135" eb="137">
      <t>ジョウキョウ</t>
    </rPh>
    <rPh sb="144" eb="146">
      <t>シュウシュウ</t>
    </rPh>
    <rPh sb="146" eb="148">
      <t>ウンパン</t>
    </rPh>
    <rPh sb="148" eb="149">
      <t>ギョウ</t>
    </rPh>
    <rPh sb="149" eb="151">
      <t>コユウ</t>
    </rPh>
    <rPh sb="152" eb="154">
      <t>トリクミ</t>
    </rPh>
    <rPh sb="160" eb="162">
      <t>ホウホウ</t>
    </rPh>
    <rPh sb="165" eb="167">
      <t>ツイカ</t>
    </rPh>
    <rPh sb="167" eb="169">
      <t>コウモク</t>
    </rPh>
    <rPh sb="178" eb="180">
      <t>コウモク</t>
    </rPh>
    <rPh sb="182" eb="184">
      <t>トクテン</t>
    </rPh>
    <rPh sb="190" eb="191">
      <t>キビ</t>
    </rPh>
    <rPh sb="193" eb="195">
      <t>ヒョウカ</t>
    </rPh>
    <rPh sb="198" eb="200">
      <t>バアイ</t>
    </rPh>
    <rPh sb="212" eb="214">
      <t>ツイカ</t>
    </rPh>
    <rPh sb="214" eb="216">
      <t>コウモク</t>
    </rPh>
    <rPh sb="217" eb="219">
      <t>タンジュン</t>
    </rPh>
    <rPh sb="234" eb="236">
      <t>ヒョウカ</t>
    </rPh>
    <rPh sb="236" eb="238">
      <t>ホウホウ</t>
    </rPh>
    <rPh sb="239" eb="241">
      <t>イカ</t>
    </rPh>
    <rPh sb="245" eb="247">
      <t>ヘンコウ</t>
    </rPh>
    <rPh sb="251" eb="253">
      <t>ギョウシャ</t>
    </rPh>
    <rPh sb="254" eb="257">
      <t>ソウトクテン</t>
    </rPh>
    <rPh sb="270" eb="272">
      <t>ギョウシャ</t>
    </rPh>
    <rPh sb="273" eb="276">
      <t>ソウトクテン</t>
    </rPh>
    <phoneticPr fontId="7"/>
  </si>
  <si>
    <t>事業の透明性のチェック基準（チェックリスト内参照）が厳しすぎる。</t>
    <rPh sb="0" eb="2">
      <t>ジギョウ</t>
    </rPh>
    <rPh sb="3" eb="6">
      <t>トウメイセイ</t>
    </rPh>
    <rPh sb="11" eb="13">
      <t>キジュン</t>
    </rPh>
    <rPh sb="21" eb="22">
      <t>ナイ</t>
    </rPh>
    <rPh sb="22" eb="24">
      <t>サンショウ</t>
    </rPh>
    <rPh sb="26" eb="27">
      <t>キビ</t>
    </rPh>
    <phoneticPr fontId="7"/>
  </si>
  <si>
    <t>×</t>
    <phoneticPr fontId="7"/>
  </si>
  <si>
    <t>環境省</t>
    <rPh sb="0" eb="3">
      <t>カンキョウショウ</t>
    </rPh>
    <phoneticPr fontId="7"/>
  </si>
  <si>
    <t>② 一部のシートは保護しています。保護パスワードはありません。</t>
    <rPh sb="2" eb="4">
      <t>イチブ</t>
    </rPh>
    <rPh sb="9" eb="11">
      <t>ホゴ</t>
    </rPh>
    <rPh sb="17" eb="19">
      <t>ホゴ</t>
    </rPh>
    <phoneticPr fontId="7"/>
  </si>
  <si>
    <t>③ 一部のセルには入力規則（数値のみ/選択入力など）が設定してあります。</t>
    <rPh sb="2" eb="4">
      <t>イチブ</t>
    </rPh>
    <rPh sb="9" eb="11">
      <t>ニュウリョク</t>
    </rPh>
    <rPh sb="11" eb="13">
      <t>キソク</t>
    </rPh>
    <rPh sb="14" eb="16">
      <t>スウチ</t>
    </rPh>
    <rPh sb="19" eb="21">
      <t>センタク</t>
    </rPh>
    <rPh sb="21" eb="23">
      <t>ニュウリョク</t>
    </rPh>
    <rPh sb="27" eb="29">
      <t>セッテイ</t>
    </rPh>
    <phoneticPr fontId="7"/>
  </si>
  <si>
    <t>各府省庁等</t>
    <rPh sb="0" eb="1">
      <t>カク</t>
    </rPh>
    <rPh sb="1" eb="2">
      <t>フ</t>
    </rPh>
    <rPh sb="2" eb="4">
      <t>ショウチョウ</t>
    </rPh>
    <rPh sb="4" eb="5">
      <t>トウ</t>
    </rPh>
    <phoneticPr fontId="7"/>
  </si>
  <si>
    <t>調達機関名</t>
    <rPh sb="0" eb="2">
      <t>チョウタツ</t>
    </rPh>
    <rPh sb="2" eb="4">
      <t>キカン</t>
    </rPh>
    <rPh sb="4" eb="5">
      <t>メイ</t>
    </rPh>
    <phoneticPr fontId="7"/>
  </si>
  <si>
    <t>区分</t>
    <rPh sb="0" eb="2">
      <t>クブン</t>
    </rPh>
    <phoneticPr fontId="7"/>
  </si>
  <si>
    <t>文部科学省</t>
  </si>
  <si>
    <t>厚生労働省</t>
  </si>
  <si>
    <t>農林水産省</t>
  </si>
  <si>
    <t>経済産業省</t>
  </si>
  <si>
    <t>国土交通省</t>
  </si>
  <si>
    <t>環境省</t>
  </si>
  <si>
    <t>国の機関</t>
    <rPh sb="0" eb="1">
      <t>クニ</t>
    </rPh>
    <rPh sb="2" eb="4">
      <t>キカン</t>
    </rPh>
    <phoneticPr fontId="7"/>
  </si>
  <si>
    <r>
      <rPr>
        <sz val="9"/>
        <color indexed="8"/>
        <rFont val="ＭＳ Ｐゴシック"/>
        <family val="3"/>
        <charset val="128"/>
      </rPr>
      <t>内閣官房</t>
    </r>
    <rPh sb="0" eb="2">
      <t>ナイカク</t>
    </rPh>
    <rPh sb="2" eb="4">
      <t>カンボウ</t>
    </rPh>
    <phoneticPr fontId="7"/>
  </si>
  <si>
    <r>
      <rPr>
        <sz val="9"/>
        <color indexed="8"/>
        <rFont val="ＭＳ Ｐゴシック"/>
        <family val="3"/>
        <charset val="128"/>
      </rPr>
      <t>人事院</t>
    </r>
    <rPh sb="0" eb="3">
      <t>ジンジイン</t>
    </rPh>
    <phoneticPr fontId="7"/>
  </si>
  <si>
    <r>
      <rPr>
        <sz val="9"/>
        <color indexed="8"/>
        <rFont val="ＭＳ Ｐゴシック"/>
        <family val="3"/>
        <charset val="128"/>
      </rPr>
      <t>内閣府</t>
    </r>
    <rPh sb="0" eb="2">
      <t>ナイカク</t>
    </rPh>
    <rPh sb="2" eb="3">
      <t>フ</t>
    </rPh>
    <phoneticPr fontId="7"/>
  </si>
  <si>
    <r>
      <rPr>
        <sz val="9"/>
        <color indexed="8"/>
        <rFont val="ＭＳ Ｐゴシック"/>
        <family val="3"/>
        <charset val="128"/>
      </rPr>
      <t>宮内庁</t>
    </r>
    <rPh sb="0" eb="3">
      <t>クナイチョウ</t>
    </rPh>
    <phoneticPr fontId="7"/>
  </si>
  <si>
    <r>
      <rPr>
        <sz val="9"/>
        <color indexed="8"/>
        <rFont val="ＭＳ Ｐゴシック"/>
        <family val="3"/>
        <charset val="128"/>
      </rPr>
      <t>公正取引委員会</t>
    </r>
    <rPh sb="0" eb="2">
      <t>コウセイ</t>
    </rPh>
    <rPh sb="2" eb="4">
      <t>トリヒキ</t>
    </rPh>
    <rPh sb="4" eb="7">
      <t>イインカイ</t>
    </rPh>
    <phoneticPr fontId="7"/>
  </si>
  <si>
    <r>
      <rPr>
        <sz val="9"/>
        <color indexed="8"/>
        <rFont val="ＭＳ Ｐゴシック"/>
        <family val="3"/>
        <charset val="128"/>
      </rPr>
      <t>警察庁</t>
    </r>
    <rPh sb="0" eb="3">
      <t>ケイサツチョウ</t>
    </rPh>
    <phoneticPr fontId="7"/>
  </si>
  <si>
    <r>
      <rPr>
        <sz val="9"/>
        <color indexed="8"/>
        <rFont val="ＭＳ Ｐゴシック"/>
        <family val="3"/>
        <charset val="128"/>
      </rPr>
      <t>金融庁</t>
    </r>
    <rPh sb="0" eb="3">
      <t>キンユウチョウ</t>
    </rPh>
    <phoneticPr fontId="7"/>
  </si>
  <si>
    <r>
      <rPr>
        <sz val="9"/>
        <color indexed="8"/>
        <rFont val="ＭＳ Ｐゴシック"/>
        <family val="3"/>
        <charset val="128"/>
      </rPr>
      <t>消費者庁</t>
    </r>
    <rPh sb="0" eb="3">
      <t>ショウヒシャ</t>
    </rPh>
    <rPh sb="3" eb="4">
      <t>チョウ</t>
    </rPh>
    <phoneticPr fontId="7"/>
  </si>
  <si>
    <r>
      <rPr>
        <sz val="9"/>
        <color indexed="8"/>
        <rFont val="ＭＳ Ｐゴシック"/>
        <family val="3"/>
        <charset val="128"/>
      </rPr>
      <t>復興庁</t>
    </r>
    <rPh sb="0" eb="2">
      <t>フッコウ</t>
    </rPh>
    <rPh sb="2" eb="3">
      <t>チョウ</t>
    </rPh>
    <phoneticPr fontId="7"/>
  </si>
  <si>
    <r>
      <rPr>
        <sz val="9"/>
        <color indexed="8"/>
        <rFont val="ＭＳ Ｐゴシック"/>
        <family val="3"/>
        <charset val="128"/>
      </rPr>
      <t>総務省</t>
    </r>
    <rPh sb="0" eb="3">
      <t>ソウムショウ</t>
    </rPh>
    <phoneticPr fontId="7"/>
  </si>
  <si>
    <r>
      <rPr>
        <sz val="9"/>
        <color indexed="8"/>
        <rFont val="ＭＳ Ｐゴシック"/>
        <family val="3"/>
        <charset val="128"/>
      </rPr>
      <t>法務省</t>
    </r>
    <rPh sb="0" eb="3">
      <t>ホウムショウ</t>
    </rPh>
    <phoneticPr fontId="7"/>
  </si>
  <si>
    <r>
      <rPr>
        <sz val="9"/>
        <color indexed="8"/>
        <rFont val="ＭＳ Ｐゴシック"/>
        <family val="3"/>
        <charset val="128"/>
      </rPr>
      <t>外務省</t>
    </r>
    <rPh sb="0" eb="3">
      <t>ガイムショウ</t>
    </rPh>
    <phoneticPr fontId="7"/>
  </si>
  <si>
    <r>
      <rPr>
        <sz val="9"/>
        <color indexed="8"/>
        <rFont val="ＭＳ Ｐゴシック"/>
        <family val="3"/>
        <charset val="128"/>
      </rPr>
      <t>財務省</t>
    </r>
    <rPh sb="0" eb="3">
      <t>ザイムショウ</t>
    </rPh>
    <phoneticPr fontId="7"/>
  </si>
  <si>
    <r>
      <rPr>
        <sz val="9"/>
        <color indexed="8"/>
        <rFont val="ＭＳ Ｐゴシック"/>
        <family val="3"/>
        <charset val="128"/>
      </rPr>
      <t>防衛省</t>
    </r>
    <rPh sb="0" eb="3">
      <t>ボウエイショウ</t>
    </rPh>
    <phoneticPr fontId="7"/>
  </si>
  <si>
    <r>
      <rPr>
        <sz val="9"/>
        <color indexed="8"/>
        <rFont val="ＭＳ Ｐゴシック"/>
        <family val="3"/>
        <charset val="128"/>
      </rPr>
      <t>会計検査院</t>
    </r>
    <rPh sb="0" eb="2">
      <t>カイケイ</t>
    </rPh>
    <rPh sb="2" eb="5">
      <t>ケンサイン</t>
    </rPh>
    <phoneticPr fontId="7"/>
  </si>
  <si>
    <r>
      <rPr>
        <sz val="9"/>
        <color indexed="8"/>
        <rFont val="ＭＳ Ｐゴシック"/>
        <family val="3"/>
        <charset val="128"/>
      </rPr>
      <t>衆議院</t>
    </r>
    <rPh sb="0" eb="3">
      <t>シュウギイン</t>
    </rPh>
    <phoneticPr fontId="7"/>
  </si>
  <si>
    <r>
      <rPr>
        <sz val="9"/>
        <color indexed="8"/>
        <rFont val="ＭＳ Ｐゴシック"/>
        <family val="3"/>
        <charset val="128"/>
      </rPr>
      <t>参議院</t>
    </r>
    <rPh sb="0" eb="3">
      <t>サンギイン</t>
    </rPh>
    <phoneticPr fontId="7"/>
  </si>
  <si>
    <r>
      <rPr>
        <sz val="9"/>
        <color indexed="8"/>
        <rFont val="ＭＳ Ｐゴシック"/>
        <family val="3"/>
        <charset val="128"/>
      </rPr>
      <t>最高裁判所</t>
    </r>
    <rPh sb="0" eb="2">
      <t>サイコウ</t>
    </rPh>
    <rPh sb="2" eb="4">
      <t>サイバン</t>
    </rPh>
    <rPh sb="4" eb="5">
      <t>ショ</t>
    </rPh>
    <phoneticPr fontId="7"/>
  </si>
  <si>
    <r>
      <rPr>
        <sz val="9"/>
        <color indexed="8"/>
        <rFont val="ＭＳ Ｐゴシック"/>
        <family val="3"/>
        <charset val="128"/>
      </rPr>
      <t>国立国会図書館</t>
    </r>
    <rPh sb="0" eb="2">
      <t>コクリツ</t>
    </rPh>
    <rPh sb="2" eb="4">
      <t>コッカイ</t>
    </rPh>
    <rPh sb="4" eb="7">
      <t>トショカン</t>
    </rPh>
    <phoneticPr fontId="7"/>
  </si>
  <si>
    <t>独立行政法人等</t>
    <rPh sb="0" eb="2">
      <t>ドクリツ</t>
    </rPh>
    <rPh sb="2" eb="4">
      <t>ギョウセイ</t>
    </rPh>
    <rPh sb="4" eb="6">
      <t>ホウジン</t>
    </rPh>
    <rPh sb="6" eb="7">
      <t>トウ</t>
    </rPh>
    <phoneticPr fontId="7"/>
  </si>
  <si>
    <t>独立行政法人</t>
    <rPh sb="0" eb="2">
      <t>ドクリツ</t>
    </rPh>
    <rPh sb="2" eb="4">
      <t>ギョウセイ</t>
    </rPh>
    <rPh sb="4" eb="6">
      <t>ホウジン</t>
    </rPh>
    <phoneticPr fontId="7"/>
  </si>
  <si>
    <t>特殊法人</t>
    <rPh sb="0" eb="2">
      <t>トクシュ</t>
    </rPh>
    <rPh sb="2" eb="4">
      <t>ホウジン</t>
    </rPh>
    <phoneticPr fontId="7"/>
  </si>
  <si>
    <t>国立大学法人</t>
    <rPh sb="0" eb="2">
      <t>コクリツ</t>
    </rPh>
    <rPh sb="2" eb="4">
      <t>ダイガク</t>
    </rPh>
    <rPh sb="4" eb="6">
      <t>ホウジン</t>
    </rPh>
    <phoneticPr fontId="7"/>
  </si>
  <si>
    <t>大学共同利用機関法人</t>
    <rPh sb="0" eb="2">
      <t>ダイガク</t>
    </rPh>
    <rPh sb="2" eb="4">
      <t>キョウドウ</t>
    </rPh>
    <rPh sb="4" eb="6">
      <t>リヨウ</t>
    </rPh>
    <rPh sb="6" eb="8">
      <t>キカン</t>
    </rPh>
    <rPh sb="8" eb="10">
      <t>ホウジン</t>
    </rPh>
    <phoneticPr fontId="7"/>
  </si>
  <si>
    <t>日本司法支援センター</t>
    <rPh sb="0" eb="2">
      <t>ニホン</t>
    </rPh>
    <rPh sb="2" eb="4">
      <t>シホウ</t>
    </rPh>
    <rPh sb="4" eb="6">
      <t>シエン</t>
    </rPh>
    <phoneticPr fontId="7"/>
  </si>
  <si>
    <t>※独立行政法人等においては所管する「府省庁等」を</t>
    <rPh sb="1" eb="3">
      <t>ドクリツ</t>
    </rPh>
    <rPh sb="3" eb="5">
      <t>ギョウセイ</t>
    </rPh>
    <rPh sb="5" eb="7">
      <t>ホウジン</t>
    </rPh>
    <rPh sb="7" eb="8">
      <t>トウ</t>
    </rPh>
    <rPh sb="13" eb="15">
      <t>ショカン</t>
    </rPh>
    <rPh sb="18" eb="19">
      <t>フ</t>
    </rPh>
    <rPh sb="19" eb="21">
      <t>ショウチョウ</t>
    </rPh>
    <rPh sb="21" eb="22">
      <t>トウ</t>
    </rPh>
    <phoneticPr fontId="7"/>
  </si>
  <si>
    <t>↑選択してください（下表の「国の機関」リスト参照）。</t>
    <rPh sb="1" eb="3">
      <t>センタク</t>
    </rPh>
    <rPh sb="10" eb="12">
      <t>カヒョウ</t>
    </rPh>
    <rPh sb="14" eb="15">
      <t>クニ</t>
    </rPh>
    <rPh sb="16" eb="18">
      <t>キカン</t>
    </rPh>
    <rPh sb="22" eb="24">
      <t>サンショウ</t>
    </rPh>
    <phoneticPr fontId="7"/>
  </si>
  <si>
    <t>　選択してください。</t>
    <rPh sb="1" eb="3">
      <t>センタク</t>
    </rPh>
    <phoneticPr fontId="7"/>
  </si>
  <si>
    <t>↑記入してください</t>
    <rPh sb="1" eb="3">
      <t>キニュウ</t>
    </rPh>
    <phoneticPr fontId="7"/>
  </si>
  <si>
    <t>　その名称を記入</t>
    <rPh sb="3" eb="5">
      <t>メイショウ</t>
    </rPh>
    <rPh sb="6" eb="8">
      <t>キニュウ</t>
    </rPh>
    <phoneticPr fontId="7"/>
  </si>
  <si>
    <t>※独立行政法人等の場合：　法人名称</t>
    <rPh sb="1" eb="3">
      <t>ドクリツ</t>
    </rPh>
    <rPh sb="3" eb="5">
      <t>ギョウセイ</t>
    </rPh>
    <rPh sb="5" eb="7">
      <t>ホウジン</t>
    </rPh>
    <rPh sb="7" eb="8">
      <t>トウ</t>
    </rPh>
    <rPh sb="9" eb="11">
      <t>バアイ</t>
    </rPh>
    <rPh sb="13" eb="15">
      <t>ホウジン</t>
    </rPh>
    <rPh sb="15" eb="17">
      <t>メイショウ</t>
    </rPh>
    <phoneticPr fontId="7"/>
  </si>
  <si>
    <t>↑「国の機関」又は「独立行政法人等」を選択してください</t>
    <rPh sb="2" eb="3">
      <t>クニ</t>
    </rPh>
    <rPh sb="4" eb="6">
      <t>キカン</t>
    </rPh>
    <rPh sb="7" eb="8">
      <t>マタ</t>
    </rPh>
    <rPh sb="10" eb="12">
      <t>ドクリツ</t>
    </rPh>
    <rPh sb="12" eb="14">
      <t>ギョウセイ</t>
    </rPh>
    <rPh sb="14" eb="16">
      <t>ホウジン</t>
    </rPh>
    <rPh sb="16" eb="17">
      <t>トウ</t>
    </rPh>
    <rPh sb="19" eb="21">
      <t>センタク</t>
    </rPh>
    <phoneticPr fontId="7"/>
  </si>
  <si>
    <t>※各府省庁等の場合：　「全省」等又は空欄</t>
    <rPh sb="1" eb="2">
      <t>カク</t>
    </rPh>
    <rPh sb="2" eb="3">
      <t>フ</t>
    </rPh>
    <rPh sb="3" eb="5">
      <t>ショウチョウ</t>
    </rPh>
    <rPh sb="5" eb="6">
      <t>トウ</t>
    </rPh>
    <rPh sb="7" eb="9">
      <t>バアイ</t>
    </rPh>
    <rPh sb="12" eb="14">
      <t>ゼンショウ</t>
    </rPh>
    <rPh sb="15" eb="16">
      <t>トウ</t>
    </rPh>
    <rPh sb="16" eb="17">
      <t>マタ</t>
    </rPh>
    <rPh sb="18" eb="20">
      <t>クウラン</t>
    </rPh>
    <phoneticPr fontId="7"/>
  </si>
  <si>
    <t>※地方支分部局等ごとにファイルを作成する場合は</t>
    <rPh sb="1" eb="3">
      <t>チホウ</t>
    </rPh>
    <rPh sb="3" eb="4">
      <t>シ</t>
    </rPh>
    <rPh sb="4" eb="5">
      <t>ブン</t>
    </rPh>
    <rPh sb="5" eb="7">
      <t>ブキョク</t>
    </rPh>
    <rPh sb="7" eb="8">
      <t>トウ</t>
    </rPh>
    <rPh sb="16" eb="18">
      <t>サクセイ</t>
    </rPh>
    <rPh sb="20" eb="22">
      <t>バアイ</t>
    </rPh>
    <phoneticPr fontId="7"/>
  </si>
  <si>
    <t>■記入例２　地方支分部局等ごとにファイルを作成する場合</t>
    <rPh sb="1" eb="3">
      <t>キニュウ</t>
    </rPh>
    <rPh sb="3" eb="4">
      <t>レイ</t>
    </rPh>
    <rPh sb="6" eb="8">
      <t>チホウ</t>
    </rPh>
    <rPh sb="8" eb="9">
      <t>シ</t>
    </rPh>
    <rPh sb="9" eb="10">
      <t>ブン</t>
    </rPh>
    <rPh sb="10" eb="12">
      <t>ブキョク</t>
    </rPh>
    <rPh sb="12" eb="13">
      <t>トウ</t>
    </rPh>
    <rPh sb="21" eb="23">
      <t>サクセイ</t>
    </rPh>
    <rPh sb="25" eb="27">
      <t>バアイ</t>
    </rPh>
    <phoneticPr fontId="7"/>
  </si>
  <si>
    <t>生物多様性センター</t>
    <rPh sb="0" eb="2">
      <t>セイブツ</t>
    </rPh>
    <rPh sb="2" eb="5">
      <t>タヨウセイ</t>
    </rPh>
    <phoneticPr fontId="7"/>
  </si>
  <si>
    <t>■記入例１　本府省庁の場合もしくは各府省庁等でまとめる場合</t>
    <rPh sb="1" eb="3">
      <t>キニュウ</t>
    </rPh>
    <rPh sb="3" eb="4">
      <t>レイ</t>
    </rPh>
    <rPh sb="6" eb="7">
      <t>ホン</t>
    </rPh>
    <rPh sb="7" eb="8">
      <t>フ</t>
    </rPh>
    <rPh sb="8" eb="10">
      <t>ショウチョウ</t>
    </rPh>
    <rPh sb="11" eb="13">
      <t>バアイ</t>
    </rPh>
    <rPh sb="17" eb="18">
      <t>カク</t>
    </rPh>
    <rPh sb="18" eb="19">
      <t>フ</t>
    </rPh>
    <rPh sb="19" eb="21">
      <t>ショウチョウ</t>
    </rPh>
    <rPh sb="21" eb="22">
      <t>トウ</t>
    </rPh>
    <rPh sb="27" eb="29">
      <t>バアイ</t>
    </rPh>
    <phoneticPr fontId="7"/>
  </si>
  <si>
    <t>■記入例３　独立行政法人等の場合</t>
    <rPh sb="1" eb="3">
      <t>キニュウ</t>
    </rPh>
    <rPh sb="3" eb="4">
      <t>レイ</t>
    </rPh>
    <rPh sb="6" eb="8">
      <t>ドクリツ</t>
    </rPh>
    <rPh sb="8" eb="10">
      <t>ギョウセイ</t>
    </rPh>
    <rPh sb="10" eb="12">
      <t>ホウジン</t>
    </rPh>
    <rPh sb="12" eb="13">
      <t>トウ</t>
    </rPh>
    <rPh sb="14" eb="16">
      <t>バアイ</t>
    </rPh>
    <phoneticPr fontId="7"/>
  </si>
  <si>
    <t>確認⇒</t>
    <rPh sb="0" eb="2">
      <t>カクニン</t>
    </rPh>
    <phoneticPr fontId="7"/>
  </si>
  <si>
    <t>【調達機関情報】</t>
    <rPh sb="1" eb="3">
      <t>チョウタツ</t>
    </rPh>
    <rPh sb="3" eb="5">
      <t>キカン</t>
    </rPh>
    <rPh sb="5" eb="7">
      <t>ジョウホウ</t>
    </rPh>
    <phoneticPr fontId="7"/>
  </si>
  <si>
    <t>調達機関の名称など</t>
    <rPh sb="0" eb="2">
      <t>チョウタツ</t>
    </rPh>
    <rPh sb="2" eb="4">
      <t>キカン</t>
    </rPh>
    <rPh sb="5" eb="7">
      <t>メイショウ</t>
    </rPh>
    <phoneticPr fontId="7"/>
  </si>
  <si>
    <t>① 【調達機関情報】に調達機関名を入力すると、他のシートにも調達機関名が表示されます。</t>
    <rPh sb="3" eb="5">
      <t>チョウタツ</t>
    </rPh>
    <rPh sb="5" eb="7">
      <t>キカン</t>
    </rPh>
    <rPh sb="7" eb="9">
      <t>ジョウホウ</t>
    </rPh>
    <rPh sb="11" eb="13">
      <t>チョウタツ</t>
    </rPh>
    <rPh sb="13" eb="15">
      <t>キカン</t>
    </rPh>
    <rPh sb="15" eb="16">
      <t>メイ</t>
    </rPh>
    <rPh sb="17" eb="19">
      <t>ニュウリョク</t>
    </rPh>
    <rPh sb="23" eb="24">
      <t>ホカ</t>
    </rPh>
    <rPh sb="30" eb="32">
      <t>チョウタツ</t>
    </rPh>
    <rPh sb="32" eb="34">
      <t>キカン</t>
    </rPh>
    <rPh sb="34" eb="35">
      <t>メイ</t>
    </rPh>
    <rPh sb="36" eb="38">
      <t>ヒョウジ</t>
    </rPh>
    <phoneticPr fontId="7"/>
  </si>
  <si>
    <t>０．調達機関情報</t>
    <rPh sb="2" eb="4">
      <t>チョウタツ</t>
    </rPh>
    <rPh sb="4" eb="6">
      <t>キカン</t>
    </rPh>
    <rPh sb="6" eb="8">
      <t>ジョウホウ</t>
    </rPh>
    <phoneticPr fontId="7"/>
  </si>
  <si>
    <t>行を挿入する場合は、シートの行番号を右クリックして「挿入」を選択してください。</t>
    <rPh sb="0" eb="1">
      <t>ギョウ</t>
    </rPh>
    <rPh sb="2" eb="4">
      <t>ソウニュウ</t>
    </rPh>
    <rPh sb="6" eb="8">
      <t>バアイ</t>
    </rPh>
    <rPh sb="14" eb="17">
      <t>ギョウバンゴウ</t>
    </rPh>
    <rPh sb="18" eb="19">
      <t>ミギ</t>
    </rPh>
    <rPh sb="26" eb="28">
      <t>ソウニュウ</t>
    </rPh>
    <rPh sb="30" eb="32">
      <t>センタク</t>
    </rPh>
    <phoneticPr fontId="7"/>
  </si>
  <si>
    <t>　中期目標管理法人</t>
    <rPh sb="1" eb="3">
      <t>チュウキ</t>
    </rPh>
    <rPh sb="3" eb="5">
      <t>モクヒョウ</t>
    </rPh>
    <rPh sb="5" eb="7">
      <t>カンリ</t>
    </rPh>
    <rPh sb="7" eb="9">
      <t>ホウジン</t>
    </rPh>
    <phoneticPr fontId="7"/>
  </si>
  <si>
    <t>　行政執行法人</t>
    <rPh sb="1" eb="3">
      <t>ギョウセイ</t>
    </rPh>
    <rPh sb="3" eb="5">
      <t>シッコウ</t>
    </rPh>
    <rPh sb="5" eb="7">
      <t>ホウジン</t>
    </rPh>
    <phoneticPr fontId="7"/>
  </si>
  <si>
    <t>　国立研究開発法人</t>
    <rPh sb="1" eb="3">
      <t>コクリツ</t>
    </rPh>
    <rPh sb="3" eb="5">
      <t>ケンキュウ</t>
    </rPh>
    <rPh sb="5" eb="7">
      <t>カイハツ</t>
    </rPh>
    <rPh sb="7" eb="9">
      <t>ホウジン</t>
    </rPh>
    <phoneticPr fontId="7"/>
  </si>
  <si>
    <t>需要家への情報提供</t>
    <rPh sb="0" eb="3">
      <t>ジュヨウカ</t>
    </rPh>
    <rPh sb="5" eb="7">
      <t>ジョウホウ</t>
    </rPh>
    <rPh sb="7" eb="9">
      <t>テイキョウ</t>
    </rPh>
    <phoneticPr fontId="7"/>
  </si>
  <si>
    <t>その他</t>
    <rPh sb="2" eb="3">
      <t>タ</t>
    </rPh>
    <phoneticPr fontId="7"/>
  </si>
  <si>
    <t>継続案件／
単発案件
の別</t>
    <rPh sb="0" eb="2">
      <t>ケイゾク</t>
    </rPh>
    <rPh sb="2" eb="4">
      <t>アンケン</t>
    </rPh>
    <rPh sb="6" eb="8">
      <t>タンパツ</t>
    </rPh>
    <rPh sb="8" eb="10">
      <t>アンケン</t>
    </rPh>
    <rPh sb="12" eb="13">
      <t>ベツ</t>
    </rPh>
    <phoneticPr fontId="7"/>
  </si>
  <si>
    <t>継続案件
単発案件</t>
    <rPh sb="0" eb="2">
      <t>ケイゾク</t>
    </rPh>
    <rPh sb="2" eb="4">
      <t>アンケン</t>
    </rPh>
    <rPh sb="6" eb="8">
      <t>タンパツ</t>
    </rPh>
    <rPh sb="8" eb="10">
      <t>アンケン</t>
    </rPh>
    <phoneticPr fontId="7"/>
  </si>
  <si>
    <t>継続</t>
  </si>
  <si>
    <t>単発</t>
  </si>
  <si>
    <t>⑤ 記入例や説明の行がある場合は、これらの行を削除しないでください。</t>
    <rPh sb="2" eb="4">
      <t>キニュウ</t>
    </rPh>
    <rPh sb="4" eb="5">
      <t>レイ</t>
    </rPh>
    <rPh sb="6" eb="8">
      <t>セツメイ</t>
    </rPh>
    <rPh sb="9" eb="10">
      <t>ギョウ</t>
    </rPh>
    <rPh sb="13" eb="15">
      <t>バアイ</t>
    </rPh>
    <rPh sb="21" eb="22">
      <t>ギョウ</t>
    </rPh>
    <rPh sb="23" eb="25">
      <t>サクジョ</t>
    </rPh>
    <phoneticPr fontId="7"/>
  </si>
  <si>
    <t>未利用エネルギー活用状況</t>
    <rPh sb="0" eb="3">
      <t>ミリヨウ</t>
    </rPh>
    <rPh sb="8" eb="10">
      <t>カツヨウ</t>
    </rPh>
    <rPh sb="10" eb="12">
      <t>ジョウキョウ</t>
    </rPh>
    <phoneticPr fontId="7"/>
  </si>
  <si>
    <t>再生可能エネルギーの導入状況</t>
    <rPh sb="0" eb="2">
      <t>サイセイ</t>
    </rPh>
    <rPh sb="2" eb="4">
      <t>カノウ</t>
    </rPh>
    <rPh sb="10" eb="12">
      <t>ドウニュウ</t>
    </rPh>
    <rPh sb="12" eb="14">
      <t>ジョウキョウ</t>
    </rPh>
    <phoneticPr fontId="7"/>
  </si>
  <si>
    <t>総数の内
ISO14001認証取得事業者</t>
    <rPh sb="0" eb="2">
      <t>ソウスウ</t>
    </rPh>
    <rPh sb="3" eb="4">
      <t>ウチ</t>
    </rPh>
    <rPh sb="13" eb="15">
      <t>ニンショウ</t>
    </rPh>
    <rPh sb="15" eb="17">
      <t>シュトク</t>
    </rPh>
    <rPh sb="17" eb="19">
      <t>ジギョウ</t>
    </rPh>
    <rPh sb="19" eb="20">
      <t>シャ</t>
    </rPh>
    <phoneticPr fontId="7"/>
  </si>
  <si>
    <t>総数の内優良産廃処理事業者</t>
    <rPh sb="0" eb="2">
      <t>ソウスウ</t>
    </rPh>
    <rPh sb="3" eb="4">
      <t>ウチ</t>
    </rPh>
    <rPh sb="4" eb="6">
      <t>ユウリョウ</t>
    </rPh>
    <rPh sb="6" eb="8">
      <t>サンパイ</t>
    </rPh>
    <rPh sb="8" eb="10">
      <t>ショリ</t>
    </rPh>
    <rPh sb="10" eb="13">
      <t>ジギョウシャ</t>
    </rPh>
    <phoneticPr fontId="7"/>
  </si>
  <si>
    <t>総数の内その他のEMS構築事業者</t>
    <rPh sb="0" eb="2">
      <t>ソウスウ</t>
    </rPh>
    <rPh sb="3" eb="4">
      <t>ウチ</t>
    </rPh>
    <rPh sb="6" eb="7">
      <t>タ</t>
    </rPh>
    <rPh sb="11" eb="13">
      <t>コウチク</t>
    </rPh>
    <rPh sb="13" eb="15">
      <t>ジギョウ</t>
    </rPh>
    <rPh sb="15" eb="16">
      <t>シャ</t>
    </rPh>
    <phoneticPr fontId="7"/>
  </si>
  <si>
    <t>評価項目</t>
    <rPh sb="0" eb="2">
      <t>ヒョウカ</t>
    </rPh>
    <rPh sb="2" eb="4">
      <t>コウモク</t>
    </rPh>
    <phoneticPr fontId="7"/>
  </si>
  <si>
    <t>環境・CSR報告書</t>
    <rPh sb="0" eb="2">
      <t>カンキョウ</t>
    </rPh>
    <rPh sb="6" eb="9">
      <t>ホウコクショ</t>
    </rPh>
    <phoneticPr fontId="7"/>
  </si>
  <si>
    <t>温室効果ガス排出削減計画・目標</t>
    <rPh sb="0" eb="2">
      <t>オンシツ</t>
    </rPh>
    <rPh sb="2" eb="4">
      <t>コウカ</t>
    </rPh>
    <rPh sb="6" eb="8">
      <t>ハイシュツ</t>
    </rPh>
    <rPh sb="8" eb="10">
      <t>サクゲン</t>
    </rPh>
    <rPh sb="10" eb="12">
      <t>ケイカク</t>
    </rPh>
    <rPh sb="13" eb="15">
      <t>モクヒョウ</t>
    </rPh>
    <phoneticPr fontId="7"/>
  </si>
  <si>
    <t>従業員への研修・教育</t>
    <rPh sb="0" eb="3">
      <t>ジュウギョウイン</t>
    </rPh>
    <rPh sb="5" eb="7">
      <t>ケンシュウ</t>
    </rPh>
    <rPh sb="8" eb="10">
      <t>キョウイク</t>
    </rPh>
    <phoneticPr fontId="7"/>
  </si>
  <si>
    <t>優良適正（遵法性）</t>
    <rPh sb="0" eb="2">
      <t>ユウリョウ</t>
    </rPh>
    <rPh sb="2" eb="4">
      <t>テキセイ</t>
    </rPh>
    <rPh sb="5" eb="7">
      <t>ジュンポウ</t>
    </rPh>
    <rPh sb="7" eb="8">
      <t>セイ</t>
    </rPh>
    <phoneticPr fontId="7"/>
  </si>
  <si>
    <t>事業の透明性</t>
    <rPh sb="0" eb="2">
      <t>ジギョウ</t>
    </rPh>
    <rPh sb="3" eb="6">
      <t>トウメイセイ</t>
    </rPh>
    <phoneticPr fontId="7"/>
  </si>
  <si>
    <t>環境配慮の取組</t>
    <rPh sb="0" eb="2">
      <t>カンキョウ</t>
    </rPh>
    <rPh sb="2" eb="4">
      <t>ハイリョ</t>
    </rPh>
    <rPh sb="5" eb="7">
      <t>トリクミ</t>
    </rPh>
    <phoneticPr fontId="7"/>
  </si>
  <si>
    <t>電子マニフェスト</t>
    <rPh sb="0" eb="2">
      <t>デンシ</t>
    </rPh>
    <phoneticPr fontId="7"/>
  </si>
  <si>
    <t>財務体質の健全性</t>
    <rPh sb="0" eb="2">
      <t>ザイム</t>
    </rPh>
    <rPh sb="2" eb="4">
      <t>タイシツ</t>
    </rPh>
    <rPh sb="5" eb="8">
      <t>ケンゼンセイ</t>
    </rPh>
    <phoneticPr fontId="7"/>
  </si>
  <si>
    <t xml:space="preserve">解説資料どおりではなく、独自に評価項目を作成した場合は該当項目に○をつけてください。
</t>
    <rPh sb="0" eb="2">
      <t>カイセツ</t>
    </rPh>
    <rPh sb="2" eb="4">
      <t>シリョウ</t>
    </rPh>
    <rPh sb="12" eb="14">
      <t>ドクジ</t>
    </rPh>
    <rPh sb="15" eb="17">
      <t>ヒョウカ</t>
    </rPh>
    <rPh sb="17" eb="19">
      <t>コウモク</t>
    </rPh>
    <rPh sb="20" eb="22">
      <t>サクセイ</t>
    </rPh>
    <rPh sb="24" eb="26">
      <t>バアイ</t>
    </rPh>
    <rPh sb="27" eb="29">
      <t>ガイトウ</t>
    </rPh>
    <rPh sb="29" eb="31">
      <t>コウモク</t>
    </rPh>
    <phoneticPr fontId="7"/>
  </si>
  <si>
    <t>その他・備考</t>
    <rPh sb="2" eb="3">
      <t>タ</t>
    </rPh>
    <rPh sb="4" eb="6">
      <t>ビコウ</t>
    </rPh>
    <phoneticPr fontId="7"/>
  </si>
  <si>
    <t>〇</t>
  </si>
  <si>
    <t>解説資料のとおりの８項目（右）を設定</t>
    <rPh sb="0" eb="2">
      <t>カイセツ</t>
    </rPh>
    <rPh sb="2" eb="4">
      <t>シリョウ</t>
    </rPh>
    <rPh sb="10" eb="12">
      <t>コウモク</t>
    </rPh>
    <rPh sb="13" eb="14">
      <t>ミギ</t>
    </rPh>
    <rPh sb="16" eb="18">
      <t>セッテイ</t>
    </rPh>
    <phoneticPr fontId="7"/>
  </si>
  <si>
    <t>（Ａ）</t>
    <phoneticPr fontId="7"/>
  </si>
  <si>
    <t>（Ｂ）</t>
    <phoneticPr fontId="7"/>
  </si>
  <si>
    <t>（C）</t>
    <phoneticPr fontId="7"/>
  </si>
  <si>
    <t>※廃棄物数量に表示されるトン数は、0.１の桁で四捨五入して表示しております。集計上問題ありませんので、小数点以下の数量もそのまま入力してください。</t>
  </si>
  <si>
    <t>※継続案件：　定期的又は継続的に契約が発生する案件</t>
    <rPh sb="1" eb="3">
      <t>ケイゾク</t>
    </rPh>
    <rPh sb="3" eb="5">
      <t>アンケン</t>
    </rPh>
    <rPh sb="7" eb="10">
      <t>テイキテキ</t>
    </rPh>
    <rPh sb="10" eb="11">
      <t>マタ</t>
    </rPh>
    <rPh sb="12" eb="15">
      <t>ケイゾクテキ</t>
    </rPh>
    <rPh sb="16" eb="18">
      <t>ケイヤク</t>
    </rPh>
    <rPh sb="19" eb="21">
      <t>ハッセイ</t>
    </rPh>
    <rPh sb="23" eb="25">
      <t>アンケン</t>
    </rPh>
    <phoneticPr fontId="7"/>
  </si>
  <si>
    <t>「評価項目」は、環境配慮契約（裾切り方式）を実施した場合に、採用した評価項目を選択してください。</t>
    <rPh sb="1" eb="3">
      <t>ヒョウカ</t>
    </rPh>
    <rPh sb="3" eb="5">
      <t>コウモク</t>
    </rPh>
    <rPh sb="8" eb="10">
      <t>カンキョウ</t>
    </rPh>
    <rPh sb="10" eb="12">
      <t>ハイリョ</t>
    </rPh>
    <rPh sb="12" eb="14">
      <t>ケイヤク</t>
    </rPh>
    <rPh sb="15" eb="16">
      <t>スソ</t>
    </rPh>
    <rPh sb="16" eb="17">
      <t>キ</t>
    </rPh>
    <rPh sb="18" eb="20">
      <t>ホウシキ</t>
    </rPh>
    <rPh sb="22" eb="24">
      <t>ジッシ</t>
    </rPh>
    <rPh sb="26" eb="28">
      <t>バアイ</t>
    </rPh>
    <rPh sb="30" eb="32">
      <t>サイヨウ</t>
    </rPh>
    <rPh sb="34" eb="36">
      <t>ヒョウカ</t>
    </rPh>
    <rPh sb="36" eb="38">
      <t>コウモク</t>
    </rPh>
    <rPh sb="39" eb="41">
      <t>センタク</t>
    </rPh>
    <phoneticPr fontId="7"/>
  </si>
  <si>
    <r>
      <t>電気の供給を受ける契約</t>
    </r>
    <r>
      <rPr>
        <sz val="11"/>
        <rFont val="ＭＳ Ｐゴシック"/>
        <family val="3"/>
        <charset val="128"/>
      </rPr>
      <t>締結件数</t>
    </r>
    <rPh sb="0" eb="2">
      <t>デンキ</t>
    </rPh>
    <rPh sb="3" eb="5">
      <t>キョウキュウ</t>
    </rPh>
    <rPh sb="6" eb="7">
      <t>ウ</t>
    </rPh>
    <rPh sb="9" eb="11">
      <t>ケイヤク</t>
    </rPh>
    <rPh sb="11" eb="13">
      <t>テイケツ</t>
    </rPh>
    <rPh sb="13" eb="15">
      <t>ケンスウ</t>
    </rPh>
    <phoneticPr fontId="7"/>
  </si>
  <si>
    <t>総数の内エコアクション21認証取得事業者</t>
    <rPh sb="0" eb="2">
      <t>ソウスウ</t>
    </rPh>
    <rPh sb="3" eb="4">
      <t>ウチ</t>
    </rPh>
    <rPh sb="13" eb="15">
      <t>ニンショウ</t>
    </rPh>
    <rPh sb="15" eb="17">
      <t>シュトク</t>
    </rPh>
    <rPh sb="17" eb="19">
      <t>ジギョウ</t>
    </rPh>
    <rPh sb="19" eb="20">
      <t>シャ</t>
    </rPh>
    <phoneticPr fontId="7"/>
  </si>
  <si>
    <t>入札参加者数のうち、優良産廃処理事業者もしくはEMS（エコマネジメントシステム）の認定を受けている事業者数</t>
    <rPh sb="0" eb="2">
      <t>ニュウサツ</t>
    </rPh>
    <rPh sb="2" eb="4">
      <t>サンカ</t>
    </rPh>
    <rPh sb="4" eb="5">
      <t>シャ</t>
    </rPh>
    <rPh sb="5" eb="6">
      <t>スウ</t>
    </rPh>
    <rPh sb="10" eb="12">
      <t>ユウリョウ</t>
    </rPh>
    <rPh sb="12" eb="14">
      <t>サンパイ</t>
    </rPh>
    <rPh sb="14" eb="16">
      <t>ショリ</t>
    </rPh>
    <rPh sb="16" eb="19">
      <t>ジギョウシャ</t>
    </rPh>
    <rPh sb="41" eb="43">
      <t>ニンテイ</t>
    </rPh>
    <rPh sb="44" eb="45">
      <t>ウ</t>
    </rPh>
    <rPh sb="49" eb="52">
      <t>ジギョウシャ</t>
    </rPh>
    <rPh sb="52" eb="53">
      <t>スウ</t>
    </rPh>
    <phoneticPr fontId="7"/>
  </si>
  <si>
    <t>個人情報保護委員会</t>
    <rPh sb="0" eb="2">
      <t>コジン</t>
    </rPh>
    <rPh sb="2" eb="4">
      <t>ジョウホウ</t>
    </rPh>
    <rPh sb="4" eb="6">
      <t>ホゴ</t>
    </rPh>
    <rPh sb="6" eb="9">
      <t>イインカイ</t>
    </rPh>
    <phoneticPr fontId="7"/>
  </si>
  <si>
    <t>東京都</t>
    <rPh sb="0" eb="2">
      <t>トウキョウ</t>
    </rPh>
    <rPh sb="2" eb="3">
      <t>ト</t>
    </rPh>
    <phoneticPr fontId="7"/>
  </si>
  <si>
    <t>千葉県</t>
    <rPh sb="0" eb="3">
      <t>チバケン</t>
    </rPh>
    <phoneticPr fontId="7"/>
  </si>
  <si>
    <t>埼玉県</t>
    <rPh sb="0" eb="3">
      <t>サイタマケン</t>
    </rPh>
    <phoneticPr fontId="7"/>
  </si>
  <si>
    <t>国立研究開発法人国立環境研究所</t>
    <rPh sb="0" eb="2">
      <t>コクリツ</t>
    </rPh>
    <rPh sb="2" eb="4">
      <t>ケンキュウ</t>
    </rPh>
    <rPh sb="4" eb="6">
      <t>カイハツ</t>
    </rPh>
    <rPh sb="6" eb="8">
      <t>ホウジン</t>
    </rPh>
    <rPh sb="8" eb="10">
      <t>コクリツ</t>
    </rPh>
    <rPh sb="10" eb="12">
      <t>カンキョウ</t>
    </rPh>
    <rPh sb="12" eb="15">
      <t>ケンキュウジョ</t>
    </rPh>
    <phoneticPr fontId="7"/>
  </si>
  <si>
    <t>様式１－３</t>
    <rPh sb="0" eb="2">
      <t>ヨウシキ</t>
    </rPh>
    <phoneticPr fontId="7"/>
  </si>
  <si>
    <t>購入</t>
    <rPh sb="0" eb="2">
      <t>コウニュウ</t>
    </rPh>
    <phoneticPr fontId="7"/>
  </si>
  <si>
    <t>賃貸借</t>
    <rPh sb="0" eb="3">
      <t>チンタイシャク</t>
    </rPh>
    <phoneticPr fontId="7"/>
  </si>
  <si>
    <t>（総合評価落札方式によらない調達があった場合に、理由別に台数を回答）</t>
    <rPh sb="24" eb="26">
      <t>リユウ</t>
    </rPh>
    <rPh sb="26" eb="27">
      <t>ベツ</t>
    </rPh>
    <rPh sb="28" eb="30">
      <t>ダイスウ</t>
    </rPh>
    <phoneticPr fontId="7"/>
  </si>
  <si>
    <t>主な理由</t>
    <rPh sb="0" eb="1">
      <t>オモ</t>
    </rPh>
    <rPh sb="2" eb="4">
      <t>リユウ</t>
    </rPh>
    <phoneticPr fontId="7"/>
  </si>
  <si>
    <t>その他３</t>
    <rPh sb="2" eb="3">
      <t>タ</t>
    </rPh>
    <phoneticPr fontId="7"/>
  </si>
  <si>
    <t>その他２</t>
    <rPh sb="2" eb="3">
      <t>タ</t>
    </rPh>
    <phoneticPr fontId="7"/>
  </si>
  <si>
    <t>その他１</t>
    <rPh sb="2" eb="3">
      <t>タ</t>
    </rPh>
    <phoneticPr fontId="7"/>
  </si>
  <si>
    <t>その他の内容</t>
    <rPh sb="2" eb="3">
      <t>タ</t>
    </rPh>
    <rPh sb="4" eb="6">
      <t>ナイヨウ</t>
    </rPh>
    <phoneticPr fontId="7"/>
  </si>
  <si>
    <t>　　その他１</t>
    <rPh sb="4" eb="5">
      <t>タ</t>
    </rPh>
    <phoneticPr fontId="7"/>
  </si>
  <si>
    <t>　　その他２</t>
    <rPh sb="4" eb="5">
      <t>タ</t>
    </rPh>
    <phoneticPr fontId="7"/>
  </si>
  <si>
    <t>　　その他３</t>
    <rPh sb="4" eb="5">
      <t>タ</t>
    </rPh>
    <phoneticPr fontId="7"/>
  </si>
  <si>
    <t>契約の締結が急を要するものであったため</t>
  </si>
  <si>
    <t>裾切り方式による入札を行うための体制が未整備であったため</t>
  </si>
  <si>
    <t>裾切り方式による入札を行うための準備が不十分であったため</t>
  </si>
  <si>
    <t>業者への周知が間に合わなかったため</t>
  </si>
  <si>
    <t>一定の競争性を確保するのが難しくなるため</t>
  </si>
  <si>
    <t>周辺地域の業者数が限定され裾切り方式では契約ができないため</t>
  </si>
  <si>
    <t>応札可能業者が少数であり、十分な競争性を確保できないため</t>
  </si>
  <si>
    <t>競争性の確保が困難であるため、中小企業の受注機会の確保</t>
  </si>
  <si>
    <t>PCB 廃棄物の処理のため受託業者が特定されているため</t>
  </si>
  <si>
    <t>RI 廃棄物の集荷のため受託業者が特定されているため</t>
  </si>
  <si>
    <t>環境配慮契約を実施しなかった理由</t>
    <phoneticPr fontId="7"/>
  </si>
  <si>
    <t>【低圧等】</t>
    <rPh sb="1" eb="3">
      <t>テイアツ</t>
    </rPh>
    <rPh sb="3" eb="4">
      <t>トウ</t>
    </rPh>
    <phoneticPr fontId="7"/>
  </si>
  <si>
    <t>【高圧・特別高圧】</t>
    <rPh sb="1" eb="3">
      <t>コウアツ</t>
    </rPh>
    <rPh sb="4" eb="6">
      <t>トクベツ</t>
    </rPh>
    <rPh sb="6" eb="8">
      <t>コウアツ</t>
    </rPh>
    <phoneticPr fontId="7"/>
  </si>
  <si>
    <t>契約方式</t>
    <rPh sb="0" eb="2">
      <t>ケイヤク</t>
    </rPh>
    <rPh sb="2" eb="4">
      <t>ホウシキ</t>
    </rPh>
    <phoneticPr fontId="7"/>
  </si>
  <si>
    <t>電力種別</t>
    <rPh sb="0" eb="2">
      <t>デンリョク</t>
    </rPh>
    <rPh sb="2" eb="4">
      <t>シュベツ</t>
    </rPh>
    <phoneticPr fontId="7"/>
  </si>
  <si>
    <t>従量電灯
または
低圧電力</t>
    <rPh sb="0" eb="2">
      <t>ジュウリョウ</t>
    </rPh>
    <rPh sb="2" eb="4">
      <t>デントウ</t>
    </rPh>
    <rPh sb="9" eb="11">
      <t>テイアツ</t>
    </rPh>
    <rPh sb="11" eb="13">
      <t>デンリョク</t>
    </rPh>
    <phoneticPr fontId="7"/>
  </si>
  <si>
    <t>低圧電力</t>
  </si>
  <si>
    <t>従量電灯</t>
  </si>
  <si>
    <t>「入札結果」の価格欄には税込の金額を記入してください。</t>
    <phoneticPr fontId="7"/>
  </si>
  <si>
    <t>価格</t>
    <rPh sb="0" eb="2">
      <t>カカク</t>
    </rPh>
    <phoneticPr fontId="7"/>
  </si>
  <si>
    <t>税込価格を記入</t>
    <rPh sb="0" eb="2">
      <t>ゼイコミ</t>
    </rPh>
    <rPh sb="2" eb="4">
      <t>カカク</t>
    </rPh>
    <rPh sb="5" eb="7">
      <t>キニュウ</t>
    </rPh>
    <phoneticPr fontId="7"/>
  </si>
  <si>
    <t>D</t>
  </si>
  <si>
    <t>E</t>
  </si>
  <si>
    <t>◇◇事務所</t>
    <rPh sb="2" eb="4">
      <t>ジム</t>
    </rPh>
    <rPh sb="4" eb="5">
      <t>ショ</t>
    </rPh>
    <phoneticPr fontId="7"/>
  </si>
  <si>
    <t>□□作業所</t>
    <rPh sb="2" eb="4">
      <t>サギョウ</t>
    </rPh>
    <rPh sb="4" eb="5">
      <t>ショ</t>
    </rPh>
    <phoneticPr fontId="7"/>
  </si>
  <si>
    <t>神奈川県</t>
    <rPh sb="0" eb="4">
      <t>カナガワケン</t>
    </rPh>
    <phoneticPr fontId="7"/>
  </si>
  <si>
    <t>群馬県</t>
    <rPh sb="0" eb="3">
      <t>グンマケン</t>
    </rPh>
    <phoneticPr fontId="7"/>
  </si>
  <si>
    <t>○</t>
    <phoneticPr fontId="7"/>
  </si>
  <si>
    <t>（D）</t>
    <phoneticPr fontId="7"/>
  </si>
  <si>
    <t>（E）</t>
    <phoneticPr fontId="7"/>
  </si>
  <si>
    <t>（B）</t>
    <phoneticPr fontId="7"/>
  </si>
  <si>
    <t>（A）</t>
    <phoneticPr fontId="7"/>
  </si>
  <si>
    <t>契約期間</t>
    <rPh sb="0" eb="2">
      <t>ケイヤク</t>
    </rPh>
    <rPh sb="2" eb="4">
      <t>キカン</t>
    </rPh>
    <phoneticPr fontId="7"/>
  </si>
  <si>
    <t>【1-2】、【1-3】の自動集計につき記入不要</t>
    <rPh sb="12" eb="14">
      <t>ジドウ</t>
    </rPh>
    <rPh sb="14" eb="16">
      <t>シュウケイ</t>
    </rPh>
    <rPh sb="19" eb="21">
      <t>キニュウ</t>
    </rPh>
    <rPh sb="21" eb="23">
      <t>フヨウ</t>
    </rPh>
    <phoneticPr fontId="7"/>
  </si>
  <si>
    <t>●●合同庁舎</t>
    <rPh sb="2" eb="4">
      <t>ゴウドウ</t>
    </rPh>
    <rPh sb="4" eb="6">
      <t>チョウシャ</t>
    </rPh>
    <phoneticPr fontId="7"/>
  </si>
  <si>
    <t>価格
（万円）
※7</t>
    <phoneticPr fontId="7"/>
  </si>
  <si>
    <t>全施設の電気の調達状況（高圧・特別高圧）</t>
    <rPh sb="0" eb="1">
      <t>ゼン</t>
    </rPh>
    <rPh sb="1" eb="3">
      <t>シセツ</t>
    </rPh>
    <rPh sb="4" eb="6">
      <t>デンキ</t>
    </rPh>
    <rPh sb="7" eb="9">
      <t>チョウタツ</t>
    </rPh>
    <rPh sb="9" eb="11">
      <t>ジョウキョウ</t>
    </rPh>
    <phoneticPr fontId="7"/>
  </si>
  <si>
    <t>全施設の電気の調達状況（低圧等）</t>
    <rPh sb="0" eb="1">
      <t>ゼン</t>
    </rPh>
    <rPh sb="1" eb="3">
      <t>シセツ</t>
    </rPh>
    <rPh sb="4" eb="6">
      <t>デンキ</t>
    </rPh>
    <rPh sb="7" eb="9">
      <t>チョウタツ</t>
    </rPh>
    <rPh sb="9" eb="11">
      <t>ジョウキョウ</t>
    </rPh>
    <phoneticPr fontId="7"/>
  </si>
  <si>
    <t>※記入の必要はありません</t>
    <phoneticPr fontId="7"/>
  </si>
  <si>
    <t>○○○○のため</t>
    <phoneticPr fontId="7"/>
  </si>
  <si>
    <t>ホームページ</t>
    <phoneticPr fontId="7"/>
  </si>
  <si>
    <t>パンフレット</t>
    <phoneticPr fontId="7"/>
  </si>
  <si>
    <t>チラシ</t>
    <phoneticPr fontId="7"/>
  </si>
  <si>
    <t>④ シート名は変更しないでください。また、列は追加しないでください。</t>
    <rPh sb="5" eb="6">
      <t>メイ</t>
    </rPh>
    <rPh sb="7" eb="9">
      <t>ヘンコウ</t>
    </rPh>
    <rPh sb="21" eb="22">
      <t>レツ</t>
    </rPh>
    <rPh sb="23" eb="25">
      <t>ツイカ</t>
    </rPh>
    <phoneticPr fontId="7"/>
  </si>
  <si>
    <t>未利用エネルギー活用状況及び再生可能エネルギー導入状況の実績年度</t>
    <rPh sb="0" eb="3">
      <t>ミリヨウ</t>
    </rPh>
    <rPh sb="8" eb="10">
      <t>カツヨウ</t>
    </rPh>
    <rPh sb="10" eb="12">
      <t>ジョウキョウ</t>
    </rPh>
    <rPh sb="12" eb="13">
      <t>オヨ</t>
    </rPh>
    <rPh sb="14" eb="16">
      <t>サイセイ</t>
    </rPh>
    <rPh sb="16" eb="18">
      <t>カノウ</t>
    </rPh>
    <rPh sb="23" eb="25">
      <t>ドウニュウ</t>
    </rPh>
    <rPh sb="25" eb="27">
      <t>ジョウキョウ</t>
    </rPh>
    <rPh sb="28" eb="30">
      <t>ジッセキ</t>
    </rPh>
    <rPh sb="30" eb="32">
      <t>ネンド</t>
    </rPh>
    <phoneticPr fontId="7"/>
  </si>
  <si>
    <t>環境配慮型船舶プロポーザル方式の実績</t>
    <rPh sb="0" eb="2">
      <t>カンキョウ</t>
    </rPh>
    <rPh sb="2" eb="5">
      <t>ハイリョガタ</t>
    </rPh>
    <rPh sb="5" eb="7">
      <t>センパク</t>
    </rPh>
    <rPh sb="13" eb="15">
      <t>ホウシキ</t>
    </rPh>
    <rPh sb="16" eb="18">
      <t>ジッセキ</t>
    </rPh>
    <phoneticPr fontId="7"/>
  </si>
  <si>
    <t>小型船舶の調達に関する実績</t>
    <rPh sb="0" eb="2">
      <t>コガタ</t>
    </rPh>
    <rPh sb="2" eb="4">
      <t>センパク</t>
    </rPh>
    <rPh sb="5" eb="7">
      <t>チョウタツ</t>
    </rPh>
    <rPh sb="8" eb="9">
      <t>カン</t>
    </rPh>
    <rPh sb="11" eb="13">
      <t>ジッセキ</t>
    </rPh>
    <phoneticPr fontId="7"/>
  </si>
  <si>
    <t>裾切り方式実施の
今後の見通し</t>
    <rPh sb="0" eb="2">
      <t>スソキ</t>
    </rPh>
    <rPh sb="3" eb="5">
      <t>ホウシキ</t>
    </rPh>
    <rPh sb="5" eb="7">
      <t>ジッシ</t>
    </rPh>
    <rPh sb="9" eb="11">
      <t>コンゴ</t>
    </rPh>
    <rPh sb="12" eb="14">
      <t>ミトオ</t>
    </rPh>
    <phoneticPr fontId="7"/>
  </si>
  <si>
    <t>（旧一般電気事業者名を選択）</t>
    <rPh sb="1" eb="2">
      <t>キュウ</t>
    </rPh>
    <phoneticPr fontId="7"/>
  </si>
  <si>
    <t>東京電力</t>
    <rPh sb="0" eb="2">
      <t>トウキョウ</t>
    </rPh>
    <rPh sb="2" eb="4">
      <t>デンリョク</t>
    </rPh>
    <phoneticPr fontId="7"/>
  </si>
  <si>
    <t>施設所在地</t>
    <rPh sb="0" eb="2">
      <t>シセツ</t>
    </rPh>
    <rPh sb="2" eb="5">
      <t>ショザイチ</t>
    </rPh>
    <phoneticPr fontId="7"/>
  </si>
  <si>
    <t>実施困難</t>
  </si>
  <si>
    <r>
      <t xml:space="preserve">実施困難な理由
</t>
    </r>
    <r>
      <rPr>
        <b/>
        <sz val="11"/>
        <color indexed="10"/>
        <rFont val="ＭＳ Ｐゴシック"/>
        <family val="3"/>
        <charset val="128"/>
      </rPr>
      <t>※「今後の見通し」で「実施困難」を選択した場合に記入してください。</t>
    </r>
    <rPh sb="0" eb="2">
      <t>ジッシ</t>
    </rPh>
    <rPh sb="2" eb="4">
      <t>コンナン</t>
    </rPh>
    <rPh sb="5" eb="7">
      <t>リユウ</t>
    </rPh>
    <rPh sb="11" eb="13">
      <t>コンゴ</t>
    </rPh>
    <rPh sb="14" eb="16">
      <t>ミトオ</t>
    </rPh>
    <rPh sb="20" eb="22">
      <t>ジッシ</t>
    </rPh>
    <rPh sb="22" eb="24">
      <t>コンナン</t>
    </rPh>
    <rPh sb="26" eb="28">
      <t>センタク</t>
    </rPh>
    <rPh sb="30" eb="32">
      <t>バアイ</t>
    </rPh>
    <rPh sb="33" eb="35">
      <t>キニュウ</t>
    </rPh>
    <phoneticPr fontId="7"/>
  </si>
  <si>
    <t>例1</t>
    <rPh sb="0" eb="1">
      <t>レイ</t>
    </rPh>
    <phoneticPr fontId="7"/>
  </si>
  <si>
    <t>例2</t>
    <rPh sb="0" eb="1">
      <t>レイ</t>
    </rPh>
    <phoneticPr fontId="7"/>
  </si>
  <si>
    <t>例3</t>
    <rPh sb="0" eb="1">
      <t>レイ</t>
    </rPh>
    <phoneticPr fontId="7"/>
  </si>
  <si>
    <t>例4</t>
    <rPh sb="0" eb="1">
      <t>レイ</t>
    </rPh>
    <phoneticPr fontId="7"/>
  </si>
  <si>
    <t>例5</t>
    <rPh sb="0" eb="1">
      <t>レイ</t>
    </rPh>
    <phoneticPr fontId="7"/>
  </si>
  <si>
    <t>入　札　又　は　随　意　契　約　の　詳　細</t>
    <phoneticPr fontId="7"/>
  </si>
  <si>
    <t>契約事業者の
電源構成及び二酸化炭素排出係数の情報の開示方法</t>
    <rPh sb="0" eb="2">
      <t>ケイヤク</t>
    </rPh>
    <rPh sb="2" eb="5">
      <t>ジギョウシャ</t>
    </rPh>
    <rPh sb="7" eb="9">
      <t>デンゲン</t>
    </rPh>
    <rPh sb="9" eb="11">
      <t>コウセイ</t>
    </rPh>
    <rPh sb="11" eb="12">
      <t>オヨ</t>
    </rPh>
    <rPh sb="13" eb="16">
      <t>ニサンカ</t>
    </rPh>
    <rPh sb="16" eb="18">
      <t>タンソ</t>
    </rPh>
    <rPh sb="18" eb="20">
      <t>ハイシュツ</t>
    </rPh>
    <rPh sb="20" eb="22">
      <t>ケイスウ</t>
    </rPh>
    <rPh sb="23" eb="25">
      <t>ジョウホウ</t>
    </rPh>
    <rPh sb="26" eb="28">
      <t>カイジ</t>
    </rPh>
    <rPh sb="28" eb="30">
      <t>ホウホウ</t>
    </rPh>
    <phoneticPr fontId="7"/>
  </si>
  <si>
    <t>契約事業者の
未利用エネルギー活用状況（％）</t>
    <rPh sb="0" eb="2">
      <t>ケイヤク</t>
    </rPh>
    <rPh sb="2" eb="5">
      <t>ジギョウシャ</t>
    </rPh>
    <rPh sb="7" eb="10">
      <t>ミリヨウ</t>
    </rPh>
    <rPh sb="15" eb="17">
      <t>カツヨウ</t>
    </rPh>
    <rPh sb="17" eb="19">
      <t>ジョウキョウ</t>
    </rPh>
    <phoneticPr fontId="7"/>
  </si>
  <si>
    <t>契約事業者の
再生可能エネルギー導入状況（％）</t>
    <rPh sb="0" eb="2">
      <t>ケイヤク</t>
    </rPh>
    <rPh sb="2" eb="5">
      <t>ジギョウシャ</t>
    </rPh>
    <rPh sb="7" eb="9">
      <t>サイセイ</t>
    </rPh>
    <rPh sb="9" eb="11">
      <t>カノウ</t>
    </rPh>
    <rPh sb="16" eb="18">
      <t>ドウニュウ</t>
    </rPh>
    <rPh sb="18" eb="20">
      <t>ジョウキョウ</t>
    </rPh>
    <phoneticPr fontId="7"/>
  </si>
  <si>
    <t>二酸化炭素排出係数以外の評価項目</t>
    <rPh sb="0" eb="3">
      <t>ニサンカ</t>
    </rPh>
    <rPh sb="3" eb="5">
      <t>タンソ</t>
    </rPh>
    <rPh sb="5" eb="7">
      <t>ハイシュツ</t>
    </rPh>
    <rPh sb="7" eb="9">
      <t>ケイスウ</t>
    </rPh>
    <rPh sb="9" eb="11">
      <t>イガイ</t>
    </rPh>
    <rPh sb="12" eb="14">
      <t>ヒョウカ</t>
    </rPh>
    <rPh sb="14" eb="16">
      <t>コウモク</t>
    </rPh>
    <phoneticPr fontId="7"/>
  </si>
  <si>
    <r>
      <t xml:space="preserve">契約事業者名
</t>
    </r>
    <r>
      <rPr>
        <b/>
        <sz val="11"/>
        <color indexed="10"/>
        <rFont val="ＭＳ Ｐゴシック"/>
        <family val="3"/>
        <charset val="128"/>
      </rPr>
      <t>※必要に応じて参照式を上書きしてください。
BH列の「その他」の項目に契約事業者名を記入した場合は、直接事業者名を記入してください。</t>
    </r>
    <rPh sb="0" eb="2">
      <t>ケイヤク</t>
    </rPh>
    <rPh sb="2" eb="5">
      <t>ジギョウシャ</t>
    </rPh>
    <rPh sb="5" eb="6">
      <t>メイ</t>
    </rPh>
    <rPh sb="9" eb="11">
      <t>ヒツヨウ</t>
    </rPh>
    <rPh sb="12" eb="13">
      <t>オウ</t>
    </rPh>
    <rPh sb="15" eb="17">
      <t>サンショウ</t>
    </rPh>
    <rPh sb="17" eb="18">
      <t>シキ</t>
    </rPh>
    <rPh sb="19" eb="21">
      <t>ウワガ</t>
    </rPh>
    <rPh sb="32" eb="33">
      <t>レツ</t>
    </rPh>
    <rPh sb="37" eb="38">
      <t>タ</t>
    </rPh>
    <rPh sb="40" eb="42">
      <t>コウモク</t>
    </rPh>
    <rPh sb="43" eb="45">
      <t>ケイヤク</t>
    </rPh>
    <rPh sb="45" eb="49">
      <t>ジギョウシャメイ</t>
    </rPh>
    <rPh sb="50" eb="52">
      <t>キニュウ</t>
    </rPh>
    <rPh sb="54" eb="56">
      <t>バアイ</t>
    </rPh>
    <rPh sb="58" eb="60">
      <t>チョクセツ</t>
    </rPh>
    <rPh sb="60" eb="64">
      <t>ジギョウシャメイ</t>
    </rPh>
    <rPh sb="65" eb="67">
      <t>キニュウ</t>
    </rPh>
    <phoneticPr fontId="7"/>
  </si>
  <si>
    <r>
      <t xml:space="preserve">その他
</t>
    </r>
    <r>
      <rPr>
        <b/>
        <sz val="8"/>
        <color indexed="10"/>
        <rFont val="ＭＳ ゴシック"/>
        <family val="3"/>
        <charset val="128"/>
      </rPr>
      <t>　※名称を記入（複数業者いる場合は列を追加せず、同じセル内に並記してください）</t>
    </r>
    <rPh sb="2" eb="3">
      <t>タ</t>
    </rPh>
    <rPh sb="34" eb="36">
      <t>ヘイキ</t>
    </rPh>
    <phoneticPr fontId="7"/>
  </si>
  <si>
    <r>
      <t xml:space="preserve">その他
</t>
    </r>
    <r>
      <rPr>
        <b/>
        <sz val="8"/>
        <color indexed="10"/>
        <rFont val="ＭＳ ゴシック"/>
        <family val="3"/>
        <charset val="128"/>
      </rPr>
      <t>　※名称を記入（複数業者いる場合は列を追加せず、同じセル内に並記してください）</t>
    </r>
    <rPh sb="2" eb="3">
      <t>タ</t>
    </rPh>
    <rPh sb="6" eb="8">
      <t>メイショウ</t>
    </rPh>
    <rPh sb="9" eb="11">
      <t>キニュウ</t>
    </rPh>
    <rPh sb="12" eb="14">
      <t>フクスウ</t>
    </rPh>
    <rPh sb="14" eb="16">
      <t>ギョウシャ</t>
    </rPh>
    <rPh sb="18" eb="20">
      <t>バアイ</t>
    </rPh>
    <rPh sb="21" eb="22">
      <t>レツ</t>
    </rPh>
    <rPh sb="23" eb="25">
      <t>ツイカ</t>
    </rPh>
    <rPh sb="28" eb="29">
      <t>オナ</t>
    </rPh>
    <rPh sb="32" eb="33">
      <t>ナイ</t>
    </rPh>
    <rPh sb="34" eb="36">
      <t>ヘイキ</t>
    </rPh>
    <phoneticPr fontId="7"/>
  </si>
  <si>
    <t>車種等を具体に限定する必要があったため</t>
    <rPh sb="0" eb="2">
      <t>シャシュ</t>
    </rPh>
    <rPh sb="2" eb="3">
      <t>トウ</t>
    </rPh>
    <rPh sb="4" eb="6">
      <t>グタイ</t>
    </rPh>
    <rPh sb="7" eb="9">
      <t>ゲンテイ</t>
    </rPh>
    <rPh sb="11" eb="13">
      <t>ヒツヨウ</t>
    </rPh>
    <phoneticPr fontId="7"/>
  </si>
  <si>
    <t>イ）修繕等を目的としているなど、温室効果ガス等の排出の削減について設計上の工夫の余地がない業務だった</t>
    <rPh sb="2" eb="4">
      <t>シュウゼン</t>
    </rPh>
    <rPh sb="4" eb="5">
      <t>トウ</t>
    </rPh>
    <rPh sb="6" eb="8">
      <t>モクテキ</t>
    </rPh>
    <rPh sb="45" eb="47">
      <t>ギョウム</t>
    </rPh>
    <phoneticPr fontId="7"/>
  </si>
  <si>
    <t>ア）特殊用途に用いる船等で、温室効果ガス等の排出の削減以外の性能を優先せざるを得なかった</t>
    <rPh sb="7" eb="8">
      <t>モチ</t>
    </rPh>
    <rPh sb="11" eb="12">
      <t>トウ</t>
    </rPh>
    <rPh sb="30" eb="32">
      <t>セイノウ</t>
    </rPh>
    <rPh sb="33" eb="35">
      <t>ユウセン</t>
    </rPh>
    <rPh sb="39" eb="40">
      <t>エ</t>
    </rPh>
    <phoneticPr fontId="7"/>
  </si>
  <si>
    <t>電気・自動車・船舶・ESCO・建築物設計・建築物維持管理・産業廃棄物処理以外に</t>
    <rPh sb="0" eb="2">
      <t>デンキ</t>
    </rPh>
    <rPh sb="3" eb="6">
      <t>ジドウシャ</t>
    </rPh>
    <rPh sb="7" eb="9">
      <t>センパク</t>
    </rPh>
    <rPh sb="15" eb="17">
      <t>ケンチク</t>
    </rPh>
    <rPh sb="17" eb="18">
      <t>ブツ</t>
    </rPh>
    <rPh sb="18" eb="20">
      <t>セッケイ</t>
    </rPh>
    <rPh sb="21" eb="24">
      <t>ケンチクブツ</t>
    </rPh>
    <rPh sb="24" eb="26">
      <t>イジ</t>
    </rPh>
    <rPh sb="26" eb="28">
      <t>カンリ</t>
    </rPh>
    <rPh sb="29" eb="31">
      <t>サンギョウ</t>
    </rPh>
    <rPh sb="31" eb="34">
      <t>ハイキブツ</t>
    </rPh>
    <rPh sb="34" eb="36">
      <t>ショリ</t>
    </rPh>
    <rPh sb="36" eb="38">
      <t>イガイ</t>
    </rPh>
    <phoneticPr fontId="7"/>
  </si>
  <si>
    <t>環境配慮契約を実施している契約があれば、その概要を記入してください。</t>
    <rPh sb="4" eb="6">
      <t>ケイヤク</t>
    </rPh>
    <rPh sb="22" eb="24">
      <t>ガイヨウ</t>
    </rPh>
    <rPh sb="25" eb="27">
      <t>キニュウ</t>
    </rPh>
    <phoneticPr fontId="7"/>
  </si>
  <si>
    <t>環境配慮契約法基本方針の施行の状況について検討を加え、その結果に基づいて、同基本方針の必要な見直しを行うものとされています。
今後、追加もしくは見直しを行うべき契約類型の提案・要望があれば記入してください。</t>
    <rPh sb="0" eb="2">
      <t>カンキョウ</t>
    </rPh>
    <rPh sb="2" eb="4">
      <t>ハイリョ</t>
    </rPh>
    <rPh sb="4" eb="6">
      <t>ケイヤク</t>
    </rPh>
    <rPh sb="6" eb="7">
      <t>ホウ</t>
    </rPh>
    <rPh sb="7" eb="9">
      <t>キホン</t>
    </rPh>
    <rPh sb="9" eb="11">
      <t>ホウシン</t>
    </rPh>
    <rPh sb="12" eb="14">
      <t>セコウ</t>
    </rPh>
    <rPh sb="15" eb="17">
      <t>ジョウキョウ</t>
    </rPh>
    <rPh sb="21" eb="23">
      <t>ケントウ</t>
    </rPh>
    <rPh sb="24" eb="25">
      <t>クワ</t>
    </rPh>
    <rPh sb="29" eb="31">
      <t>ケッカ</t>
    </rPh>
    <rPh sb="32" eb="33">
      <t>モト</t>
    </rPh>
    <rPh sb="37" eb="38">
      <t>ドウ</t>
    </rPh>
    <rPh sb="38" eb="40">
      <t>キホン</t>
    </rPh>
    <rPh sb="40" eb="42">
      <t>ホウシン</t>
    </rPh>
    <rPh sb="43" eb="45">
      <t>ヒツヨウ</t>
    </rPh>
    <rPh sb="46" eb="48">
      <t>ミナオ</t>
    </rPh>
    <rPh sb="50" eb="51">
      <t>オコナ</t>
    </rPh>
    <rPh sb="63" eb="65">
      <t>コンゴ</t>
    </rPh>
    <rPh sb="66" eb="68">
      <t>ツイカ</t>
    </rPh>
    <rPh sb="72" eb="74">
      <t>ミナオ</t>
    </rPh>
    <rPh sb="76" eb="77">
      <t>オコナ</t>
    </rPh>
    <rPh sb="80" eb="82">
      <t>ケイヤク</t>
    </rPh>
    <rPh sb="82" eb="84">
      <t>ルイケイ</t>
    </rPh>
    <rPh sb="85" eb="87">
      <t>テイアン</t>
    </rPh>
    <rPh sb="88" eb="90">
      <t>ヨウボウ</t>
    </rPh>
    <rPh sb="94" eb="96">
      <t>キニュウ</t>
    </rPh>
    <phoneticPr fontId="7"/>
  </si>
  <si>
    <t>○年○月～○年○月</t>
    <rPh sb="1" eb="2">
      <t>ネン</t>
    </rPh>
    <rPh sb="3" eb="4">
      <t>ガツ</t>
    </rPh>
    <rPh sb="6" eb="7">
      <t>ネン</t>
    </rPh>
    <rPh sb="8" eb="9">
      <t>ガツ</t>
    </rPh>
    <phoneticPr fontId="7"/>
  </si>
  <si>
    <t>○年○月～○年○月 or 見込み</t>
    <rPh sb="1" eb="2">
      <t>ネン</t>
    </rPh>
    <rPh sb="3" eb="4">
      <t>ガツ</t>
    </rPh>
    <rPh sb="6" eb="7">
      <t>ネン</t>
    </rPh>
    <rPh sb="8" eb="9">
      <t>ガツ</t>
    </rPh>
    <rPh sb="13" eb="15">
      <t>ミコ</t>
    </rPh>
    <phoneticPr fontId="7"/>
  </si>
  <si>
    <r>
      <t>※</t>
    </r>
    <r>
      <rPr>
        <sz val="11"/>
        <rFont val="Arial"/>
        <family val="2"/>
      </rPr>
      <t>7</t>
    </r>
    <phoneticPr fontId="7"/>
  </si>
  <si>
    <t>「最大出力(kW)」、「定格出力(kW)」、「燃料消費率(g/kWh)」は仕様書等に記載した数値を記入してください。</t>
    <rPh sb="37" eb="40">
      <t>シヨウショ</t>
    </rPh>
    <rPh sb="40" eb="41">
      <t>トウ</t>
    </rPh>
    <rPh sb="42" eb="44">
      <t>キサイ</t>
    </rPh>
    <rPh sb="46" eb="48">
      <t>スウチ</t>
    </rPh>
    <rPh sb="49" eb="51">
      <t>キニュウ</t>
    </rPh>
    <phoneticPr fontId="7"/>
  </si>
  <si>
    <t>「入札契約方式」の選択肢「A)環境配慮契約（裾切り方式）（不落随意契約含む）」は環境配慮契約を行ったが不落となり、その後、通常の一般競争又は入札参加者と随意契約を行った場合も該当します。</t>
    <rPh sb="1" eb="3">
      <t>ニュウサツ</t>
    </rPh>
    <rPh sb="3" eb="5">
      <t>ケイヤク</t>
    </rPh>
    <rPh sb="5" eb="7">
      <t>ホウシキ</t>
    </rPh>
    <rPh sb="9" eb="12">
      <t>センタクシ</t>
    </rPh>
    <rPh sb="15" eb="17">
      <t>カンキョウ</t>
    </rPh>
    <rPh sb="17" eb="19">
      <t>ハイリョ</t>
    </rPh>
    <rPh sb="19" eb="21">
      <t>ケイヤク</t>
    </rPh>
    <rPh sb="22" eb="24">
      <t>スソキ</t>
    </rPh>
    <rPh sb="25" eb="27">
      <t>ホウシキ</t>
    </rPh>
    <rPh sb="29" eb="30">
      <t>フ</t>
    </rPh>
    <rPh sb="30" eb="31">
      <t>ラク</t>
    </rPh>
    <rPh sb="31" eb="33">
      <t>ズイイ</t>
    </rPh>
    <rPh sb="33" eb="35">
      <t>ケイヤク</t>
    </rPh>
    <rPh sb="35" eb="36">
      <t>フク</t>
    </rPh>
    <rPh sb="40" eb="42">
      <t>カンキョウ</t>
    </rPh>
    <rPh sb="42" eb="44">
      <t>ハイリョ</t>
    </rPh>
    <rPh sb="44" eb="46">
      <t>ケイヤク</t>
    </rPh>
    <rPh sb="47" eb="48">
      <t>オコナ</t>
    </rPh>
    <rPh sb="51" eb="52">
      <t>フ</t>
    </rPh>
    <rPh sb="52" eb="53">
      <t>ラク</t>
    </rPh>
    <rPh sb="59" eb="60">
      <t>ゴ</t>
    </rPh>
    <rPh sb="61" eb="63">
      <t>ツウジョウ</t>
    </rPh>
    <rPh sb="64" eb="66">
      <t>イッパン</t>
    </rPh>
    <rPh sb="66" eb="68">
      <t>キョウソウ</t>
    </rPh>
    <rPh sb="68" eb="69">
      <t>マタ</t>
    </rPh>
    <rPh sb="70" eb="72">
      <t>ニュウサツ</t>
    </rPh>
    <rPh sb="72" eb="74">
      <t>サンカ</t>
    </rPh>
    <rPh sb="74" eb="75">
      <t>シャ</t>
    </rPh>
    <rPh sb="76" eb="78">
      <t>ズイイ</t>
    </rPh>
    <rPh sb="78" eb="80">
      <t>ケイヤク</t>
    </rPh>
    <rPh sb="81" eb="82">
      <t>オコナ</t>
    </rPh>
    <rPh sb="84" eb="86">
      <t>バアイ</t>
    </rPh>
    <rPh sb="87" eb="89">
      <t>ガイトウ</t>
    </rPh>
    <phoneticPr fontId="7"/>
  </si>
  <si>
    <r>
      <t xml:space="preserve">月数
</t>
    </r>
    <r>
      <rPr>
        <sz val="9"/>
        <color indexed="30"/>
        <rFont val="ＭＳ Ｐゴシック"/>
        <family val="3"/>
        <charset val="128"/>
      </rPr>
      <t>（1年契約の場合は「12」）</t>
    </r>
    <rPh sb="0" eb="2">
      <t>ツキスウ</t>
    </rPh>
    <rPh sb="6" eb="7">
      <t>ネン</t>
    </rPh>
    <rPh sb="7" eb="9">
      <t>ケイヤク</t>
    </rPh>
    <rPh sb="10" eb="12">
      <t>バアイ</t>
    </rPh>
    <phoneticPr fontId="7"/>
  </si>
  <si>
    <r>
      <t>産業廃棄物処理に係る契約の概要（契約件数、排出量）</t>
    </r>
    <r>
      <rPr>
        <sz val="9"/>
        <color indexed="10"/>
        <rFont val="ＭＳ ゴシック"/>
        <family val="3"/>
        <charset val="128"/>
      </rPr>
      <t>※記入の必要はありません</t>
    </r>
    <rPh sb="0" eb="2">
      <t>サンギョウ</t>
    </rPh>
    <rPh sb="2" eb="5">
      <t>ハイキブツ</t>
    </rPh>
    <rPh sb="5" eb="7">
      <t>ショリ</t>
    </rPh>
    <rPh sb="8" eb="9">
      <t>カカ</t>
    </rPh>
    <rPh sb="10" eb="12">
      <t>ケイヤク</t>
    </rPh>
    <rPh sb="13" eb="15">
      <t>ガイヨウ</t>
    </rPh>
    <rPh sb="16" eb="18">
      <t>ケイヤク</t>
    </rPh>
    <rPh sb="18" eb="20">
      <t>ケンスウ</t>
    </rPh>
    <rPh sb="21" eb="23">
      <t>ハイシュツ</t>
    </rPh>
    <rPh sb="23" eb="24">
      <t>リョウ</t>
    </rPh>
    <phoneticPr fontId="7"/>
  </si>
  <si>
    <t>府省庁等名や調達機関名を記入してください。</t>
    <rPh sb="0" eb="1">
      <t>フ</t>
    </rPh>
    <rPh sb="1" eb="3">
      <t>ショウチョウ</t>
    </rPh>
    <rPh sb="3" eb="4">
      <t>トウ</t>
    </rPh>
    <rPh sb="4" eb="5">
      <t>メイ</t>
    </rPh>
    <rPh sb="6" eb="8">
      <t>チョウタツ</t>
    </rPh>
    <rPh sb="8" eb="10">
      <t>キカン</t>
    </rPh>
    <rPh sb="10" eb="11">
      <t>メイ</t>
    </rPh>
    <rPh sb="12" eb="14">
      <t>キニュウ</t>
    </rPh>
    <phoneticPr fontId="7"/>
  </si>
  <si>
    <t>※</t>
    <phoneticPr fontId="7"/>
  </si>
  <si>
    <t>契約1件に対して、1行に記入してください。</t>
    <rPh sb="0" eb="2">
      <t>ケイヤク</t>
    </rPh>
    <rPh sb="3" eb="4">
      <t>ケン</t>
    </rPh>
    <rPh sb="5" eb="6">
      <t>タイ</t>
    </rPh>
    <rPh sb="10" eb="11">
      <t>ギョウ</t>
    </rPh>
    <rPh sb="12" eb="14">
      <t>キニュウ</t>
    </rPh>
    <phoneticPr fontId="7"/>
  </si>
  <si>
    <t>「予定使用電力量」には、1年契約の場合は契約書記載の予定使用電力量をそのまま記入してください。複数年契約の場合は1年間の予定使用電力量に換算して記入してください。なお、予定使用電力量を設定していない場合は、直近の過去1年間の使用実績量を記載してください。</t>
    <rPh sb="1" eb="3">
      <t>ヨテイ</t>
    </rPh>
    <rPh sb="3" eb="5">
      <t>シヨウ</t>
    </rPh>
    <rPh sb="5" eb="7">
      <t>デンリョク</t>
    </rPh>
    <rPh sb="7" eb="8">
      <t>リョウ</t>
    </rPh>
    <rPh sb="13" eb="14">
      <t>ネン</t>
    </rPh>
    <rPh sb="14" eb="16">
      <t>ケイヤク</t>
    </rPh>
    <rPh sb="17" eb="19">
      <t>バアイ</t>
    </rPh>
    <rPh sb="20" eb="23">
      <t>ケイヤクショ</t>
    </rPh>
    <rPh sb="23" eb="25">
      <t>キサイ</t>
    </rPh>
    <rPh sb="26" eb="30">
      <t>ヨテイシヨウ</t>
    </rPh>
    <rPh sb="30" eb="33">
      <t>デンリョクリョウ</t>
    </rPh>
    <rPh sb="38" eb="40">
      <t>キニュウ</t>
    </rPh>
    <rPh sb="47" eb="50">
      <t>フクスウネン</t>
    </rPh>
    <rPh sb="50" eb="52">
      <t>ケイヤク</t>
    </rPh>
    <rPh sb="53" eb="55">
      <t>バアイ</t>
    </rPh>
    <rPh sb="57" eb="59">
      <t>ネンカン</t>
    </rPh>
    <rPh sb="60" eb="62">
      <t>ヨテイ</t>
    </rPh>
    <rPh sb="62" eb="64">
      <t>シヨウ</t>
    </rPh>
    <rPh sb="64" eb="66">
      <t>デンリョク</t>
    </rPh>
    <rPh sb="66" eb="67">
      <t>リョウ</t>
    </rPh>
    <rPh sb="68" eb="70">
      <t>カンサン</t>
    </rPh>
    <rPh sb="72" eb="74">
      <t>キニュウ</t>
    </rPh>
    <phoneticPr fontId="7"/>
  </si>
  <si>
    <t>ホームページ</t>
    <phoneticPr fontId="7"/>
  </si>
  <si>
    <t>パンフレット</t>
    <phoneticPr fontId="7"/>
  </si>
  <si>
    <t>チラシ</t>
    <phoneticPr fontId="7"/>
  </si>
  <si>
    <t>年間
予定使用
電力量
(kWh)</t>
    <rPh sb="0" eb="2">
      <t>ネンカン</t>
    </rPh>
    <rPh sb="3" eb="5">
      <t>ヨテイ</t>
    </rPh>
    <rPh sb="5" eb="7">
      <t>シヨウ</t>
    </rPh>
    <rPh sb="8" eb="10">
      <t>デンリョク</t>
    </rPh>
    <rPh sb="10" eb="11">
      <t>リョウ</t>
    </rPh>
    <phoneticPr fontId="7"/>
  </si>
  <si>
    <r>
      <t xml:space="preserve">入札参加者（契約事業者に◎印、その他の入札参加事業者に○、裾切りにより入札に参加できなかった者に×を選択して記入）
または
随意契約事業者（契約事業者に◎印、相見積を行った場合、その他事業者に○印を記入）
</t>
    </r>
    <r>
      <rPr>
        <b/>
        <u/>
        <sz val="14"/>
        <color indexed="10"/>
        <rFont val="ＭＳ Ｐゴシック"/>
        <family val="3"/>
        <charset val="128"/>
      </rPr>
      <t>※　「契約方式」の項目の回答内容にかかわらず、必ず記入してください。
なお、「契約方式」の項目が「B」の場合、最終的に締結した契約の情報を記入してください。</t>
    </r>
    <rPh sb="0" eb="2">
      <t>ニュウサツ</t>
    </rPh>
    <rPh sb="2" eb="4">
      <t>サンカ</t>
    </rPh>
    <rPh sb="4" eb="5">
      <t>シャ</t>
    </rPh>
    <rPh sb="6" eb="8">
      <t>ケイヤク</t>
    </rPh>
    <rPh sb="8" eb="9">
      <t>コト</t>
    </rPh>
    <rPh sb="9" eb="11">
      <t>ギョウシャ</t>
    </rPh>
    <rPh sb="13" eb="14">
      <t>シルシ</t>
    </rPh>
    <rPh sb="17" eb="18">
      <t>ホカ</t>
    </rPh>
    <rPh sb="19" eb="21">
      <t>ニュウサツ</t>
    </rPh>
    <rPh sb="21" eb="23">
      <t>サンカ</t>
    </rPh>
    <rPh sb="23" eb="26">
      <t>ジギョウシャ</t>
    </rPh>
    <rPh sb="29" eb="30">
      <t>スソ</t>
    </rPh>
    <rPh sb="30" eb="31">
      <t>キ</t>
    </rPh>
    <rPh sb="35" eb="37">
      <t>ニュウサツ</t>
    </rPh>
    <rPh sb="38" eb="40">
      <t>サンカ</t>
    </rPh>
    <rPh sb="46" eb="47">
      <t>モノ</t>
    </rPh>
    <rPh sb="50" eb="52">
      <t>センタク</t>
    </rPh>
    <rPh sb="54" eb="56">
      <t>キニュウ</t>
    </rPh>
    <rPh sb="62" eb="64">
      <t>ズイイ</t>
    </rPh>
    <rPh sb="64" eb="66">
      <t>ケイヤク</t>
    </rPh>
    <rPh sb="66" eb="68">
      <t>ジギョウ</t>
    </rPh>
    <rPh sb="68" eb="69">
      <t>シャ</t>
    </rPh>
    <rPh sb="79" eb="82">
      <t>アイミツモリ</t>
    </rPh>
    <rPh sb="83" eb="84">
      <t>オコナ</t>
    </rPh>
    <rPh sb="86" eb="88">
      <t>バアイ</t>
    </rPh>
    <rPh sb="91" eb="92">
      <t>タ</t>
    </rPh>
    <rPh sb="92" eb="95">
      <t>ジギョウシャ</t>
    </rPh>
    <rPh sb="97" eb="98">
      <t>ジルシ</t>
    </rPh>
    <rPh sb="99" eb="101">
      <t>キニュウ</t>
    </rPh>
    <rPh sb="107" eb="109">
      <t>ケイヤク</t>
    </rPh>
    <rPh sb="109" eb="111">
      <t>ホウシキ</t>
    </rPh>
    <rPh sb="113" eb="115">
      <t>コウモク</t>
    </rPh>
    <rPh sb="116" eb="118">
      <t>カイトウ</t>
    </rPh>
    <rPh sb="118" eb="120">
      <t>ナイヨウ</t>
    </rPh>
    <rPh sb="127" eb="128">
      <t>カナラ</t>
    </rPh>
    <rPh sb="163" eb="165">
      <t>テイケツ</t>
    </rPh>
    <phoneticPr fontId="7"/>
  </si>
  <si>
    <r>
      <t xml:space="preserve">環境配慮契約（裾切り方式）の実施情報
</t>
    </r>
    <r>
      <rPr>
        <b/>
        <u/>
        <sz val="14"/>
        <color indexed="10"/>
        <rFont val="ＭＳ Ｐゴシック"/>
        <family val="3"/>
        <charset val="128"/>
      </rPr>
      <t>※「契約方式」の項目が「A」の場合、必ず記入してください。</t>
    </r>
    <rPh sb="0" eb="2">
      <t>カンキョウ</t>
    </rPh>
    <rPh sb="2" eb="4">
      <t>ハイリョ</t>
    </rPh>
    <rPh sb="4" eb="6">
      <t>ケイヤク</t>
    </rPh>
    <rPh sb="7" eb="9">
      <t>スソキ</t>
    </rPh>
    <rPh sb="10" eb="12">
      <t>ホウシキ</t>
    </rPh>
    <rPh sb="14" eb="16">
      <t>ジッシ</t>
    </rPh>
    <rPh sb="37" eb="38">
      <t>カナラ</t>
    </rPh>
    <phoneticPr fontId="7"/>
  </si>
  <si>
    <t>（参考）産廃換算係数</t>
    <rPh sb="1" eb="3">
      <t>サンコウ</t>
    </rPh>
    <rPh sb="4" eb="5">
      <t>サン</t>
    </rPh>
    <rPh sb="5" eb="6">
      <t>ハイ</t>
    </rPh>
    <rPh sb="6" eb="8">
      <t>カンサン</t>
    </rPh>
    <rPh sb="8" eb="10">
      <t>ケイスウ</t>
    </rPh>
    <phoneticPr fontId="7"/>
  </si>
  <si>
    <t>（参考）産業廃棄物の体積から重量への換算係数</t>
    <rPh sb="1" eb="3">
      <t>サンコウ</t>
    </rPh>
    <rPh sb="4" eb="6">
      <t>サンギョウ</t>
    </rPh>
    <rPh sb="6" eb="9">
      <t>ハイキブツ</t>
    </rPh>
    <rPh sb="10" eb="12">
      <t>タイセキ</t>
    </rPh>
    <rPh sb="14" eb="16">
      <t>ジュウリョウ</t>
    </rPh>
    <rPh sb="18" eb="20">
      <t>カンサン</t>
    </rPh>
    <rPh sb="20" eb="22">
      <t>ケイスウ</t>
    </rPh>
    <phoneticPr fontId="7"/>
  </si>
  <si>
    <t>当該シートの記入例を参考に記入してください。</t>
    <rPh sb="0" eb="2">
      <t>トウガイ</t>
    </rPh>
    <rPh sb="6" eb="8">
      <t>キニュウ</t>
    </rPh>
    <rPh sb="8" eb="9">
      <t>レイ</t>
    </rPh>
    <rPh sb="10" eb="12">
      <t>サンコウ</t>
    </rPh>
    <rPh sb="13" eb="15">
      <t>キニュウ</t>
    </rPh>
    <phoneticPr fontId="7"/>
  </si>
  <si>
    <t>記入必須</t>
    <phoneticPr fontId="7"/>
  </si>
  <si>
    <t>民間賃貸ビル等に入居している場合などにより、国及び独立行政法人等が小売電気事業者と契約を締結していない場合は調査対象外です。</t>
    <phoneticPr fontId="7"/>
  </si>
  <si>
    <t>【1-2】電気（高圧・特別高圧）</t>
    <rPh sb="8" eb="10">
      <t>コウアツ</t>
    </rPh>
    <rPh sb="11" eb="13">
      <t>トクベツ</t>
    </rPh>
    <rPh sb="13" eb="15">
      <t>コウアツ</t>
    </rPh>
    <phoneticPr fontId="7"/>
  </si>
  <si>
    <t>【1-3】電気（低圧等）</t>
    <rPh sb="5" eb="7">
      <t>デンキ</t>
    </rPh>
    <rPh sb="8" eb="10">
      <t>テイアツ</t>
    </rPh>
    <rPh sb="10" eb="11">
      <t>トウ</t>
    </rPh>
    <phoneticPr fontId="7"/>
  </si>
  <si>
    <t>「【1-2】電気（高圧・特別高圧）」及び「【1-3】電気（低圧等）」から自動集計しており、記入の必要はありません。</t>
    <rPh sb="9" eb="11">
      <t>コウアツ</t>
    </rPh>
    <rPh sb="12" eb="14">
      <t>トクベツ</t>
    </rPh>
    <rPh sb="14" eb="16">
      <t>コウアツ</t>
    </rPh>
    <rPh sb="26" eb="28">
      <t>デンキ</t>
    </rPh>
    <rPh sb="36" eb="38">
      <t>ジドウ</t>
    </rPh>
    <phoneticPr fontId="7"/>
  </si>
  <si>
    <t>調達または賃貸借車両1台に対し1行に記入してください。</t>
    <rPh sb="0" eb="2">
      <t>チョウタツ</t>
    </rPh>
    <rPh sb="5" eb="8">
      <t>チンタイシャク</t>
    </rPh>
    <rPh sb="8" eb="10">
      <t>シャリョウ</t>
    </rPh>
    <rPh sb="11" eb="12">
      <t>ダイ</t>
    </rPh>
    <rPh sb="13" eb="14">
      <t>タイ</t>
    </rPh>
    <rPh sb="16" eb="17">
      <t>ギョウ</t>
    </rPh>
    <rPh sb="18" eb="20">
      <t>キニュウ</t>
    </rPh>
    <phoneticPr fontId="7"/>
  </si>
  <si>
    <t>「入札参加者数」は入札時に札入れを行った者の数とし、入札辞退や無効となった者は含みません。</t>
    <rPh sb="1" eb="3">
      <t>ニュウサツ</t>
    </rPh>
    <rPh sb="3" eb="7">
      <t>サンカシャスウ</t>
    </rPh>
    <rPh sb="9" eb="12">
      <t>ニュウサツジ</t>
    </rPh>
    <rPh sb="13" eb="14">
      <t>フダ</t>
    </rPh>
    <rPh sb="14" eb="15">
      <t>イ</t>
    </rPh>
    <rPh sb="17" eb="18">
      <t>オコナ</t>
    </rPh>
    <rPh sb="20" eb="21">
      <t>シャ</t>
    </rPh>
    <rPh sb="22" eb="23">
      <t>スウ</t>
    </rPh>
    <rPh sb="26" eb="28">
      <t>ニュウサツ</t>
    </rPh>
    <rPh sb="28" eb="30">
      <t>ジタイ</t>
    </rPh>
    <rPh sb="31" eb="33">
      <t>ムコウ</t>
    </rPh>
    <rPh sb="37" eb="38">
      <t>シャ</t>
    </rPh>
    <rPh sb="39" eb="40">
      <t>フク</t>
    </rPh>
    <phoneticPr fontId="7"/>
  </si>
  <si>
    <t>【3-1】船舶1（概略設計・基本設計）</t>
    <phoneticPr fontId="7"/>
  </si>
  <si>
    <t>【3-2】船舶2（小型船舶）</t>
    <phoneticPr fontId="7"/>
  </si>
  <si>
    <t>【3-1】船舶1（概略設計又は基本設計）</t>
    <rPh sb="9" eb="11">
      <t>ガイリャク</t>
    </rPh>
    <rPh sb="11" eb="13">
      <t>セッケイ</t>
    </rPh>
    <rPh sb="13" eb="14">
      <t>マタ</t>
    </rPh>
    <rPh sb="15" eb="17">
      <t>キホン</t>
    </rPh>
    <rPh sb="17" eb="19">
      <t>セッケイ</t>
    </rPh>
    <phoneticPr fontId="7"/>
  </si>
  <si>
    <t>【3-2】船舶2（小型船舶）</t>
    <rPh sb="9" eb="11">
      <t>コガタ</t>
    </rPh>
    <rPh sb="11" eb="13">
      <t>センパク</t>
    </rPh>
    <phoneticPr fontId="7"/>
  </si>
  <si>
    <r>
      <t>小型船舶の調達に関しては、</t>
    </r>
    <r>
      <rPr>
        <u/>
        <sz val="11"/>
        <color indexed="10"/>
        <rFont val="ＭＳ ゴシック"/>
        <family val="3"/>
        <charset val="128"/>
      </rPr>
      <t>環境配慮契約（燃料消費率及び排出ガスに関する基準の設定）の実施の有無にかかわらず全ての調達（エンジンのみの調達を含む）が調査対象</t>
    </r>
    <r>
      <rPr>
        <sz val="11"/>
        <rFont val="ＭＳ ゴシック"/>
        <family val="3"/>
        <charset val="128"/>
      </rPr>
      <t>になります。ただし、燃料を必要としない船舶（手漕ぎボート等）は調査対象外です。</t>
    </r>
    <rPh sb="0" eb="2">
      <t>コガタ</t>
    </rPh>
    <rPh sb="2" eb="4">
      <t>センパク</t>
    </rPh>
    <rPh sb="5" eb="7">
      <t>チョウタツ</t>
    </rPh>
    <rPh sb="8" eb="9">
      <t>カン</t>
    </rPh>
    <rPh sb="20" eb="22">
      <t>ネンリョウ</t>
    </rPh>
    <rPh sb="22" eb="25">
      <t>ショウヒリツ</t>
    </rPh>
    <rPh sb="25" eb="26">
      <t>オヨ</t>
    </rPh>
    <rPh sb="27" eb="29">
      <t>ハイシュツ</t>
    </rPh>
    <rPh sb="32" eb="33">
      <t>カン</t>
    </rPh>
    <rPh sb="35" eb="37">
      <t>キジュン</t>
    </rPh>
    <rPh sb="38" eb="40">
      <t>セッテイ</t>
    </rPh>
    <rPh sb="53" eb="54">
      <t>スベ</t>
    </rPh>
    <rPh sb="56" eb="58">
      <t>チョウタツ</t>
    </rPh>
    <rPh sb="66" eb="68">
      <t>チョウタツ</t>
    </rPh>
    <rPh sb="69" eb="70">
      <t>フク</t>
    </rPh>
    <rPh sb="73" eb="75">
      <t>チョウサ</t>
    </rPh>
    <rPh sb="75" eb="77">
      <t>タイショウ</t>
    </rPh>
    <rPh sb="108" eb="110">
      <t>チョウサ</t>
    </rPh>
    <phoneticPr fontId="7"/>
  </si>
  <si>
    <t>※該当する契約がない場合は右欄で「該当なし」を選択すること⇒</t>
    <rPh sb="1" eb="3">
      <t>ガイトウ</t>
    </rPh>
    <rPh sb="5" eb="7">
      <t>ケイヤク</t>
    </rPh>
    <rPh sb="10" eb="12">
      <t>バアイ</t>
    </rPh>
    <rPh sb="13" eb="14">
      <t>ミギ</t>
    </rPh>
    <rPh sb="14" eb="15">
      <t>ラン</t>
    </rPh>
    <rPh sb="17" eb="19">
      <t>ガイトウ</t>
    </rPh>
    <rPh sb="23" eb="25">
      <t>センタク</t>
    </rPh>
    <phoneticPr fontId="7"/>
  </si>
  <si>
    <t>（１）「全ての契約における環境配慮契約の推進」について</t>
    <rPh sb="4" eb="5">
      <t>スベ</t>
    </rPh>
    <rPh sb="7" eb="9">
      <t>ケイヤク</t>
    </rPh>
    <rPh sb="13" eb="15">
      <t>カンキョウ</t>
    </rPh>
    <rPh sb="15" eb="17">
      <t>ハイリョ</t>
    </rPh>
    <rPh sb="17" eb="19">
      <t>ケイヤク</t>
    </rPh>
    <rPh sb="20" eb="22">
      <t>スイシン</t>
    </rPh>
    <phoneticPr fontId="7"/>
  </si>
  <si>
    <t>合同庁舎等については、小売電気事業者と契約を締結している部署において記入してください。</t>
    <phoneticPr fontId="7"/>
  </si>
  <si>
    <t>合同庁舎等については、産業廃棄物処理業者と契約を締結している部署において記入してください。</t>
    <rPh sb="11" eb="13">
      <t>サンギョウ</t>
    </rPh>
    <rPh sb="13" eb="16">
      <t>ハイキブツ</t>
    </rPh>
    <rPh sb="16" eb="18">
      <t>ショリ</t>
    </rPh>
    <rPh sb="18" eb="20">
      <t>ギョウシャ</t>
    </rPh>
    <phoneticPr fontId="7"/>
  </si>
  <si>
    <t>「入札参加者数」には、入札参加事業者の総数を記入し、総数の内数として「優良産廃処理業者」「ISO14001認証事業者」「エコアクション21認証事業者」「その他の環境マネジメントシステム認証事業者」の参加者数をそれぞれ記入してください。</t>
    <rPh sb="1" eb="3">
      <t>ニュウサツ</t>
    </rPh>
    <rPh sb="3" eb="5">
      <t>サンカ</t>
    </rPh>
    <rPh sb="5" eb="6">
      <t>シャ</t>
    </rPh>
    <rPh sb="6" eb="7">
      <t>スウ</t>
    </rPh>
    <rPh sb="11" eb="13">
      <t>ニュウサツ</t>
    </rPh>
    <rPh sb="13" eb="15">
      <t>サンカ</t>
    </rPh>
    <rPh sb="15" eb="18">
      <t>ジギョウシャ</t>
    </rPh>
    <rPh sb="19" eb="21">
      <t>ソウスウ</t>
    </rPh>
    <rPh sb="22" eb="24">
      <t>キニュウ</t>
    </rPh>
    <rPh sb="26" eb="28">
      <t>ソウスウ</t>
    </rPh>
    <rPh sb="29" eb="30">
      <t>ウチ</t>
    </rPh>
    <rPh sb="30" eb="31">
      <t>スウ</t>
    </rPh>
    <rPh sb="35" eb="37">
      <t>ユウリョウ</t>
    </rPh>
    <rPh sb="37" eb="39">
      <t>サンパイ</t>
    </rPh>
    <rPh sb="39" eb="41">
      <t>ショリ</t>
    </rPh>
    <rPh sb="41" eb="43">
      <t>ギョウシャ</t>
    </rPh>
    <rPh sb="53" eb="55">
      <t>ニンショウ</t>
    </rPh>
    <rPh sb="55" eb="57">
      <t>ジギョウ</t>
    </rPh>
    <rPh sb="57" eb="58">
      <t>シャ</t>
    </rPh>
    <rPh sb="78" eb="79">
      <t>タ</t>
    </rPh>
    <rPh sb="80" eb="82">
      <t>カンキョウ</t>
    </rPh>
    <rPh sb="92" eb="94">
      <t>ニンショウ</t>
    </rPh>
    <rPh sb="94" eb="97">
      <t>ジギョウシャ</t>
    </rPh>
    <rPh sb="99" eb="101">
      <t>サンカ</t>
    </rPh>
    <rPh sb="101" eb="102">
      <t>シャ</t>
    </rPh>
    <rPh sb="102" eb="103">
      <t>スウ</t>
    </rPh>
    <rPh sb="108" eb="110">
      <t>キニュウ</t>
    </rPh>
    <phoneticPr fontId="7"/>
  </si>
  <si>
    <t>環境配慮契約を行う上での問題点、その問題点への対応方法等、追加の評価項目などを記入してください。</t>
    <rPh sb="39" eb="41">
      <t>キニュウ</t>
    </rPh>
    <phoneticPr fontId="7"/>
  </si>
  <si>
    <t>産業廃棄物処理に係る体積から重量への換算係数（参考値）</t>
    <rPh sb="0" eb="2">
      <t>サンギョウ</t>
    </rPh>
    <rPh sb="2" eb="5">
      <t>ハイキブツ</t>
    </rPh>
    <rPh sb="5" eb="7">
      <t>ショリ</t>
    </rPh>
    <rPh sb="8" eb="9">
      <t>カカ</t>
    </rPh>
    <rPh sb="10" eb="12">
      <t>タイセキ</t>
    </rPh>
    <rPh sb="14" eb="16">
      <t>ジュウリョウ</t>
    </rPh>
    <rPh sb="18" eb="20">
      <t>カンサン</t>
    </rPh>
    <rPh sb="20" eb="22">
      <t>ケイスウ</t>
    </rPh>
    <rPh sb="23" eb="25">
      <t>サンコウ</t>
    </rPh>
    <rPh sb="25" eb="26">
      <t>チ</t>
    </rPh>
    <phoneticPr fontId="7"/>
  </si>
  <si>
    <t>※件数の合計が（ｂ）-（ｃ）の値と一致しているか確認してください。</t>
    <phoneticPr fontId="7"/>
  </si>
  <si>
    <t>（３）環境配慮型プロポーザル方式の実施実績（大規模改修）</t>
    <rPh sb="3" eb="5">
      <t>カンキョウ</t>
    </rPh>
    <rPh sb="5" eb="8">
      <t>ハイリョガタ</t>
    </rPh>
    <rPh sb="14" eb="16">
      <t>ホウシキ</t>
    </rPh>
    <rPh sb="17" eb="19">
      <t>ジッシ</t>
    </rPh>
    <rPh sb="19" eb="21">
      <t>ジッセキ</t>
    </rPh>
    <rPh sb="22" eb="25">
      <t>ダイキボ</t>
    </rPh>
    <rPh sb="25" eb="27">
      <t>カイシュウ</t>
    </rPh>
    <phoneticPr fontId="7"/>
  </si>
  <si>
    <t>（２）プロポーザル方式を実施したにもかかわらず、環境配慮型船舶プロポーザル方式を実施しなかった理由</t>
    <rPh sb="24" eb="26">
      <t>カンキョウ</t>
    </rPh>
    <rPh sb="26" eb="29">
      <t>ハイリョガタ</t>
    </rPh>
    <rPh sb="29" eb="31">
      <t>センパク</t>
    </rPh>
    <rPh sb="40" eb="42">
      <t>ジッシ</t>
    </rPh>
    <phoneticPr fontId="7"/>
  </si>
  <si>
    <t>【1-1】電気（概要）</t>
    <rPh sb="8" eb="10">
      <t>ガイヨウ</t>
    </rPh>
    <phoneticPr fontId="7"/>
  </si>
  <si>
    <t>【2-1】自動車（概要）</t>
    <phoneticPr fontId="7"/>
  </si>
  <si>
    <t>【2-2】自動車（詳細）</t>
    <rPh sb="9" eb="11">
      <t>ショウサイ</t>
    </rPh>
    <phoneticPr fontId="7"/>
  </si>
  <si>
    <t>※プロポーザル方式に
よらない場合を含む</t>
    <phoneticPr fontId="7"/>
  </si>
  <si>
    <t>環境配慮契約(裾切り方式)を実施した件数</t>
    <rPh sb="0" eb="2">
      <t>カンキョウ</t>
    </rPh>
    <rPh sb="2" eb="4">
      <t>ハイリョ</t>
    </rPh>
    <rPh sb="4" eb="6">
      <t>ケイヤク</t>
    </rPh>
    <rPh sb="7" eb="8">
      <t>スソ</t>
    </rPh>
    <rPh sb="8" eb="9">
      <t>キ</t>
    </rPh>
    <rPh sb="10" eb="12">
      <t>ホウシキ</t>
    </rPh>
    <rPh sb="14" eb="16">
      <t>ジッシ</t>
    </rPh>
    <rPh sb="18" eb="20">
      <t>ケンスウ</t>
    </rPh>
    <phoneticPr fontId="7"/>
  </si>
  <si>
    <t>環境配慮契約を実施した結果、不調・不落であった件数</t>
    <rPh sb="0" eb="2">
      <t>カンキョウ</t>
    </rPh>
    <rPh sb="2" eb="4">
      <t>ハイリョ</t>
    </rPh>
    <rPh sb="4" eb="6">
      <t>ケイヤク</t>
    </rPh>
    <rPh sb="7" eb="9">
      <t>ジッシ</t>
    </rPh>
    <rPh sb="11" eb="13">
      <t>ケッカ</t>
    </rPh>
    <rPh sb="14" eb="16">
      <t>フチョウ</t>
    </rPh>
    <rPh sb="17" eb="18">
      <t>フ</t>
    </rPh>
    <rPh sb="18" eb="19">
      <t>ラク</t>
    </rPh>
    <rPh sb="23" eb="25">
      <t>ケンスウ</t>
    </rPh>
    <phoneticPr fontId="7"/>
  </si>
  <si>
    <t>環境配慮契約未実施の競争入札の件数</t>
    <rPh sb="0" eb="2">
      <t>カンキョウ</t>
    </rPh>
    <rPh sb="2" eb="4">
      <t>ハイリョ</t>
    </rPh>
    <rPh sb="4" eb="6">
      <t>ケイヤク</t>
    </rPh>
    <rPh sb="6" eb="9">
      <t>ミジッシ</t>
    </rPh>
    <rPh sb="10" eb="12">
      <t>キョウソウ</t>
    </rPh>
    <rPh sb="12" eb="14">
      <t>ニュウサツ</t>
    </rPh>
    <rPh sb="15" eb="17">
      <t>ケンスウ</t>
    </rPh>
    <phoneticPr fontId="7"/>
  </si>
  <si>
    <t>（Ａ）＋（Ｂ）＋（Ｃ）＋（Ｄ）＋（Ｅ）</t>
    <phoneticPr fontId="7"/>
  </si>
  <si>
    <t>建築物設計における環境配慮型プロポーザル方式の実施実績、未実施の理由など</t>
    <rPh sb="0" eb="3">
      <t>ケンチクブツ</t>
    </rPh>
    <rPh sb="3" eb="5">
      <t>セッケイ</t>
    </rPh>
    <rPh sb="9" eb="11">
      <t>カンキョウ</t>
    </rPh>
    <rPh sb="11" eb="14">
      <t>ハイリョガタ</t>
    </rPh>
    <rPh sb="20" eb="22">
      <t>ホウシキ</t>
    </rPh>
    <rPh sb="23" eb="25">
      <t>ジッシ</t>
    </rPh>
    <rPh sb="25" eb="27">
      <t>ジッセキ</t>
    </rPh>
    <rPh sb="28" eb="31">
      <t>ミジッシ</t>
    </rPh>
    <rPh sb="32" eb="34">
      <t>リユウ</t>
    </rPh>
    <phoneticPr fontId="7"/>
  </si>
  <si>
    <t>産業廃棄物処理に係る契約に関するアンケート</t>
    <rPh sb="0" eb="2">
      <t>サンギョウ</t>
    </rPh>
    <rPh sb="2" eb="5">
      <t>ハイキブツ</t>
    </rPh>
    <rPh sb="5" eb="7">
      <t>ショリ</t>
    </rPh>
    <rPh sb="8" eb="9">
      <t>カカ</t>
    </rPh>
    <rPh sb="10" eb="12">
      <t>ケイヤク</t>
    </rPh>
    <rPh sb="13" eb="14">
      <t>カン</t>
    </rPh>
    <phoneticPr fontId="7"/>
  </si>
  <si>
    <t>７つの契約類型以外の環境配慮契約、環境配慮契約法基本方針や調査への提案・要望</t>
    <rPh sb="3" eb="5">
      <t>ケイヤク</t>
    </rPh>
    <rPh sb="5" eb="7">
      <t>ルイケイ</t>
    </rPh>
    <rPh sb="7" eb="9">
      <t>イガイ</t>
    </rPh>
    <rPh sb="10" eb="12">
      <t>カンキョウ</t>
    </rPh>
    <rPh sb="12" eb="14">
      <t>ハイリョ</t>
    </rPh>
    <rPh sb="14" eb="16">
      <t>ケイヤク</t>
    </rPh>
    <rPh sb="17" eb="19">
      <t>カンキョウ</t>
    </rPh>
    <rPh sb="19" eb="21">
      <t>ハイリョ</t>
    </rPh>
    <rPh sb="21" eb="23">
      <t>ケイヤク</t>
    </rPh>
    <rPh sb="23" eb="24">
      <t>ホウ</t>
    </rPh>
    <rPh sb="24" eb="26">
      <t>キホン</t>
    </rPh>
    <rPh sb="26" eb="28">
      <t>ホウシン</t>
    </rPh>
    <rPh sb="29" eb="31">
      <t>チョウサ</t>
    </rPh>
    <rPh sb="33" eb="35">
      <t>テイアン</t>
    </rPh>
    <rPh sb="36" eb="38">
      <t>ヨウボウ</t>
    </rPh>
    <phoneticPr fontId="7"/>
  </si>
  <si>
    <t>北海道電力株式会社</t>
  </si>
  <si>
    <t>東北電力株式会社</t>
  </si>
  <si>
    <t>東京電力エナジーパートナー株式会社</t>
  </si>
  <si>
    <t>北陸電力株式会社</t>
  </si>
  <si>
    <t>関西電力株式会社</t>
  </si>
  <si>
    <t>中国電力株式会社</t>
  </si>
  <si>
    <t>四国電力株式会社</t>
  </si>
  <si>
    <t>九州電力株式会社</t>
  </si>
  <si>
    <t>沖縄電力株式会社</t>
  </si>
  <si>
    <t>九電みらいエナジー株式会社</t>
  </si>
  <si>
    <t>株式会社Ｖ－Ｐｏｗｅｒ</t>
  </si>
  <si>
    <t>○株式会社自然電力</t>
    <rPh sb="1" eb="5">
      <t>カブシキガイシャ</t>
    </rPh>
    <rPh sb="5" eb="7">
      <t>シゼン</t>
    </rPh>
    <phoneticPr fontId="7"/>
  </si>
  <si>
    <t>◎株式会社自然電力
○株式会社フォレストパワー</t>
    <rPh sb="1" eb="5">
      <t>カブシキガイシャ</t>
    </rPh>
    <rPh sb="5" eb="7">
      <t>シゼン</t>
    </rPh>
    <rPh sb="11" eb="15">
      <t>カブシキガイシャ</t>
    </rPh>
    <phoneticPr fontId="7"/>
  </si>
  <si>
    <r>
      <rPr>
        <u/>
        <sz val="11"/>
        <color indexed="10"/>
        <rFont val="ＭＳ ゴシック"/>
        <family val="3"/>
        <charset val="128"/>
      </rPr>
      <t>定額電灯、臨時電灯、公衆街路灯、臨時電力、農事用電力、融雪用電力は調査対象外</t>
    </r>
    <r>
      <rPr>
        <sz val="11"/>
        <rFont val="ＭＳ ゴシック"/>
        <family val="3"/>
        <charset val="128"/>
      </rPr>
      <t xml:space="preserve">です。
</t>
    </r>
    <phoneticPr fontId="7"/>
  </si>
  <si>
    <t>(a)のうち、プロポーザル方式を実施した件数</t>
    <phoneticPr fontId="7"/>
  </si>
  <si>
    <t>　(b)</t>
    <phoneticPr fontId="7"/>
  </si>
  <si>
    <t>　(c)</t>
    <phoneticPr fontId="7"/>
  </si>
  <si>
    <t>(b)のうち、環境配慮型船舶プロポーザル方式を実施した件数</t>
    <phoneticPr fontId="7"/>
  </si>
  <si>
    <t>※注　現時点で予定していることがあれば記入してください。</t>
    <rPh sb="1" eb="2">
      <t>チュウ</t>
    </rPh>
    <rPh sb="3" eb="6">
      <t>ゲンジテン</t>
    </rPh>
    <rPh sb="7" eb="9">
      <t>ヨテイ</t>
    </rPh>
    <rPh sb="19" eb="21">
      <t>キニュウ</t>
    </rPh>
    <phoneticPr fontId="7"/>
  </si>
  <si>
    <t>ESCO事業の導入について</t>
    <rPh sb="4" eb="6">
      <t>ジギョウ</t>
    </rPh>
    <rPh sb="7" eb="9">
      <t>ドウニュウ</t>
    </rPh>
    <phoneticPr fontId="7"/>
  </si>
  <si>
    <t>例） 空調設備老朽化に伴う更新、施設全体の改修、など</t>
    <rPh sb="0" eb="1">
      <t>レイ</t>
    </rPh>
    <rPh sb="3" eb="5">
      <t>クウチョウ</t>
    </rPh>
    <rPh sb="5" eb="7">
      <t>セツビ</t>
    </rPh>
    <rPh sb="7" eb="10">
      <t>ロウキュウカ</t>
    </rPh>
    <rPh sb="11" eb="12">
      <t>トモナ</t>
    </rPh>
    <rPh sb="13" eb="15">
      <t>コウシン</t>
    </rPh>
    <rPh sb="16" eb="18">
      <t>シセツ</t>
    </rPh>
    <rPh sb="18" eb="20">
      <t>ゼンタイ</t>
    </rPh>
    <rPh sb="21" eb="23">
      <t>カイシュウ</t>
    </rPh>
    <phoneticPr fontId="7"/>
  </si>
  <si>
    <t>更新・改修の内容</t>
    <rPh sb="0" eb="2">
      <t>コウシン</t>
    </rPh>
    <rPh sb="3" eb="5">
      <t>カイシュウ</t>
    </rPh>
    <rPh sb="6" eb="8">
      <t>ナイヨウ</t>
    </rPh>
    <phoneticPr fontId="7"/>
  </si>
  <si>
    <t>更新・改修の時期</t>
    <rPh sb="0" eb="2">
      <t>コウシン</t>
    </rPh>
    <rPh sb="3" eb="5">
      <t>カイシュウ</t>
    </rPh>
    <rPh sb="6" eb="8">
      <t>ジキ</t>
    </rPh>
    <phoneticPr fontId="7"/>
  </si>
  <si>
    <t>計画の
概要</t>
    <rPh sb="0" eb="2">
      <t>ケイカク</t>
    </rPh>
    <rPh sb="4" eb="6">
      <t>ガイヨウ</t>
    </rPh>
    <phoneticPr fontId="7"/>
  </si>
  <si>
    <r>
      <t xml:space="preserve">所在地
</t>
    </r>
    <r>
      <rPr>
        <sz val="8"/>
        <rFont val="ＭＳ Ｐゴシック"/>
        <family val="3"/>
        <charset val="128"/>
      </rPr>
      <t>（都道府県）</t>
    </r>
    <phoneticPr fontId="7"/>
  </si>
  <si>
    <t>名称</t>
    <rPh sb="0" eb="2">
      <t>メイショウ</t>
    </rPh>
    <phoneticPr fontId="7"/>
  </si>
  <si>
    <t>施設
概要</t>
    <rPh sb="0" eb="2">
      <t>シセツ</t>
    </rPh>
    <rPh sb="3" eb="5">
      <t>ガイヨウ</t>
    </rPh>
    <phoneticPr fontId="7"/>
  </si>
  <si>
    <t>とされています。</t>
    <phoneticPr fontId="7"/>
  </si>
  <si>
    <t>環境配慮契約法基本方針では</t>
    <rPh sb="0" eb="2">
      <t>カンキョウ</t>
    </rPh>
    <rPh sb="2" eb="4">
      <t>ハイリョ</t>
    </rPh>
    <rPh sb="4" eb="7">
      <t>ケイヤクホウ</t>
    </rPh>
    <rPh sb="7" eb="9">
      <t>キホン</t>
    </rPh>
    <rPh sb="9" eb="11">
      <t>ホウシン</t>
    </rPh>
    <phoneticPr fontId="7"/>
  </si>
  <si>
    <t>　※該当する施設がない場合は右欄で「該当なし」を選択⇒</t>
    <rPh sb="2" eb="4">
      <t>ガイトウ</t>
    </rPh>
    <rPh sb="6" eb="8">
      <t>シセツ</t>
    </rPh>
    <rPh sb="11" eb="13">
      <t>バアイ</t>
    </rPh>
    <rPh sb="14" eb="15">
      <t>ミギ</t>
    </rPh>
    <rPh sb="15" eb="16">
      <t>ラン</t>
    </rPh>
    <rPh sb="18" eb="20">
      <t>ガイトウ</t>
    </rPh>
    <rPh sb="24" eb="26">
      <t>センタク</t>
    </rPh>
    <phoneticPr fontId="7"/>
  </si>
  <si>
    <t>年　　～　</t>
    <phoneticPr fontId="7"/>
  </si>
  <si>
    <t>西暦</t>
    <rPh sb="0" eb="2">
      <t>セイレキ</t>
    </rPh>
    <phoneticPr fontId="7"/>
  </si>
  <si>
    <t>特別な契約の具体的内容</t>
    <rPh sb="0" eb="2">
      <t>トクベツ</t>
    </rPh>
    <rPh sb="3" eb="5">
      <t>ケイヤク</t>
    </rPh>
    <rPh sb="6" eb="9">
      <t>グタイテキ</t>
    </rPh>
    <rPh sb="9" eb="11">
      <t>ナイヨウ</t>
    </rPh>
    <phoneticPr fontId="7"/>
  </si>
  <si>
    <t>特別な契約</t>
    <rPh sb="0" eb="2">
      <t>トクベツ</t>
    </rPh>
    <rPh sb="3" eb="5">
      <t>ケイヤク</t>
    </rPh>
    <phoneticPr fontId="7"/>
  </si>
  <si>
    <t>総合基礎点（必須項目）に設定した具体的内容</t>
    <rPh sb="0" eb="2">
      <t>ソウゴウ</t>
    </rPh>
    <rPh sb="2" eb="4">
      <t>キソ</t>
    </rPh>
    <rPh sb="4" eb="5">
      <t>テン</t>
    </rPh>
    <rPh sb="6" eb="8">
      <t>ヒッス</t>
    </rPh>
    <rPh sb="8" eb="10">
      <t>コウモク</t>
    </rPh>
    <rPh sb="12" eb="14">
      <t>セッテイ</t>
    </rPh>
    <rPh sb="16" eb="19">
      <t>グタイテキ</t>
    </rPh>
    <rPh sb="19" eb="21">
      <t>ナイヨウ</t>
    </rPh>
    <phoneticPr fontId="7"/>
  </si>
  <si>
    <t>総合評価落札方式の場合</t>
    <rPh sb="0" eb="2">
      <t>ソウゴウ</t>
    </rPh>
    <rPh sb="2" eb="4">
      <t>ヒョウカ</t>
    </rPh>
    <rPh sb="4" eb="6">
      <t>ラクサツ</t>
    </rPh>
    <rPh sb="6" eb="8">
      <t>ホウシキ</t>
    </rPh>
    <rPh sb="9" eb="11">
      <t>バアイ</t>
    </rPh>
    <phoneticPr fontId="7"/>
  </si>
  <si>
    <t>入札参加資格：専門技術者の配置、業務実績・実施体制など</t>
    <rPh sb="0" eb="2">
      <t>ニュウサツ</t>
    </rPh>
    <rPh sb="2" eb="4">
      <t>サンカ</t>
    </rPh>
    <rPh sb="4" eb="6">
      <t>シカク</t>
    </rPh>
    <rPh sb="7" eb="9">
      <t>センモン</t>
    </rPh>
    <rPh sb="9" eb="12">
      <t>ギジュツシャ</t>
    </rPh>
    <rPh sb="13" eb="15">
      <t>ハイチ</t>
    </rPh>
    <rPh sb="16" eb="18">
      <t>ギョウム</t>
    </rPh>
    <rPh sb="18" eb="20">
      <t>ジッセキ</t>
    </rPh>
    <rPh sb="21" eb="23">
      <t>ジッシ</t>
    </rPh>
    <rPh sb="23" eb="25">
      <t>タイセイ</t>
    </rPh>
    <phoneticPr fontId="7"/>
  </si>
  <si>
    <t>仕様：グリーン購入法基本方針に基づく基準など</t>
    <phoneticPr fontId="7"/>
  </si>
  <si>
    <t>契約月数</t>
    <rPh sb="0" eb="2">
      <t>ケイヤク</t>
    </rPh>
    <rPh sb="2" eb="4">
      <t>ツキスウ</t>
    </rPh>
    <phoneticPr fontId="7"/>
  </si>
  <si>
    <t>具体的に⇒</t>
    <rPh sb="0" eb="3">
      <t>グタイテキ</t>
    </rPh>
    <phoneticPr fontId="7"/>
  </si>
  <si>
    <t>機械設備保守管理業務</t>
    <rPh sb="0" eb="2">
      <t>キカイ</t>
    </rPh>
    <rPh sb="2" eb="4">
      <t>セツビ</t>
    </rPh>
    <rPh sb="4" eb="6">
      <t>ホシュ</t>
    </rPh>
    <phoneticPr fontId="7"/>
  </si>
  <si>
    <t>電気設備保守管理業務</t>
    <rPh sb="0" eb="2">
      <t>デンキ</t>
    </rPh>
    <rPh sb="2" eb="4">
      <t>セツビ</t>
    </rPh>
    <rPh sb="4" eb="6">
      <t>ホシュ</t>
    </rPh>
    <phoneticPr fontId="7"/>
  </si>
  <si>
    <r>
      <t xml:space="preserve">対象業務
</t>
    </r>
    <r>
      <rPr>
        <sz val="8"/>
        <rFont val="ＭＳ Ｐゴシック"/>
        <family val="3"/>
        <charset val="128"/>
      </rPr>
      <t>（該当業務に○印、複数選択可能）</t>
    </r>
    <rPh sb="0" eb="2">
      <t>タイショウ</t>
    </rPh>
    <rPh sb="2" eb="4">
      <t>ギョウム</t>
    </rPh>
    <rPh sb="6" eb="8">
      <t>ガイトウ</t>
    </rPh>
    <rPh sb="8" eb="10">
      <t>ギョウム</t>
    </rPh>
    <rPh sb="12" eb="13">
      <t>シルシ</t>
    </rPh>
    <rPh sb="14" eb="16">
      <t>フクスウ</t>
    </rPh>
    <rPh sb="16" eb="18">
      <t>センタク</t>
    </rPh>
    <rPh sb="18" eb="20">
      <t>カノウ</t>
    </rPh>
    <phoneticPr fontId="7"/>
  </si>
  <si>
    <t>概要</t>
    <rPh sb="0" eb="2">
      <t>ガイヨウ</t>
    </rPh>
    <phoneticPr fontId="7"/>
  </si>
  <si>
    <t>契約情報</t>
    <rPh sb="0" eb="2">
      <t>ケイヤク</t>
    </rPh>
    <rPh sb="2" eb="4">
      <t>ジョウホウ</t>
    </rPh>
    <phoneticPr fontId="7"/>
  </si>
  <si>
    <t>軽油</t>
    <rPh sb="0" eb="2">
      <t>ケイユ</t>
    </rPh>
    <phoneticPr fontId="7"/>
  </si>
  <si>
    <t>少額以外の随契理由</t>
    <rPh sb="0" eb="2">
      <t>ショウガク</t>
    </rPh>
    <rPh sb="2" eb="4">
      <t>イガイ</t>
    </rPh>
    <rPh sb="5" eb="7">
      <t>ズイケイ</t>
    </rPh>
    <rPh sb="7" eb="9">
      <t>リユウ</t>
    </rPh>
    <phoneticPr fontId="7"/>
  </si>
  <si>
    <t>（A）＋（B）＋（C)</t>
    <phoneticPr fontId="7"/>
  </si>
  <si>
    <t>都道府県名を入力</t>
    <rPh sb="0" eb="4">
      <t>トドウフケン</t>
    </rPh>
    <rPh sb="4" eb="5">
      <t>メイ</t>
    </rPh>
    <rPh sb="6" eb="8">
      <t>ニュウリョク</t>
    </rPh>
    <phoneticPr fontId="7"/>
  </si>
  <si>
    <t>○○県</t>
    <rPh sb="2" eb="3">
      <t>ケン</t>
    </rPh>
    <phoneticPr fontId="7"/>
  </si>
  <si>
    <t>△△</t>
    <phoneticPr fontId="7"/>
  </si>
  <si>
    <t>△△県</t>
    <rPh sb="2" eb="3">
      <t>ケン</t>
    </rPh>
    <phoneticPr fontId="7"/>
  </si>
  <si>
    <t>□□</t>
    <phoneticPr fontId="7"/>
  </si>
  <si>
    <t>□□県</t>
    <rPh sb="2" eb="3">
      <t>ケン</t>
    </rPh>
    <phoneticPr fontId="7"/>
  </si>
  <si>
    <t>競争入札
(裾切り方式は未実施)</t>
    <rPh sb="0" eb="2">
      <t>キョウソウ</t>
    </rPh>
    <rPh sb="2" eb="4">
      <t>ニュウサツ</t>
    </rPh>
    <rPh sb="6" eb="7">
      <t>スソ</t>
    </rPh>
    <rPh sb="7" eb="8">
      <t>キ</t>
    </rPh>
    <rPh sb="9" eb="11">
      <t>ホウシキ</t>
    </rPh>
    <rPh sb="12" eb="15">
      <t>ミジッシ</t>
    </rPh>
    <phoneticPr fontId="7"/>
  </si>
  <si>
    <t>随意契約</t>
    <rPh sb="0" eb="2">
      <t>ズイイ</t>
    </rPh>
    <rPh sb="2" eb="4">
      <t>ケイヤク</t>
    </rPh>
    <phoneticPr fontId="7"/>
  </si>
  <si>
    <t>:環境配慮契約実施
（裾切り方式）
※不調・不落を含む。</t>
    <rPh sb="1" eb="3">
      <t>カンキョウ</t>
    </rPh>
    <rPh sb="3" eb="5">
      <t>ハイリョ</t>
    </rPh>
    <rPh sb="5" eb="7">
      <t>ケイヤク</t>
    </rPh>
    <rPh sb="7" eb="9">
      <t>ジッシ</t>
    </rPh>
    <rPh sb="11" eb="12">
      <t>スソ</t>
    </rPh>
    <rPh sb="12" eb="13">
      <t>ギ</t>
    </rPh>
    <rPh sb="14" eb="16">
      <t>ホウシキ</t>
    </rPh>
    <rPh sb="19" eb="21">
      <t>フチョウ</t>
    </rPh>
    <rPh sb="22" eb="24">
      <t>フラク</t>
    </rPh>
    <rPh sb="25" eb="26">
      <t>フク</t>
    </rPh>
    <phoneticPr fontId="7"/>
  </si>
  <si>
    <r>
      <rPr>
        <u/>
        <sz val="11"/>
        <color indexed="10"/>
        <rFont val="ＭＳ ゴシック"/>
        <family val="3"/>
        <charset val="128"/>
      </rPr>
      <t>調査対象期間中に実施した環境配慮型プロポーザル方式の詳細について記入</t>
    </r>
    <r>
      <rPr>
        <sz val="11"/>
        <rFont val="ＭＳ ゴシック"/>
        <family val="3"/>
        <charset val="128"/>
      </rPr>
      <t>してください。</t>
    </r>
    <rPh sb="0" eb="2">
      <t>チョウサ</t>
    </rPh>
    <rPh sb="2" eb="4">
      <t>タイショウ</t>
    </rPh>
    <rPh sb="4" eb="6">
      <t>キカン</t>
    </rPh>
    <rPh sb="6" eb="7">
      <t>チュウ</t>
    </rPh>
    <rPh sb="8" eb="10">
      <t>ジッシ</t>
    </rPh>
    <rPh sb="23" eb="25">
      <t>ホウシキ</t>
    </rPh>
    <rPh sb="26" eb="28">
      <t>ショウサイ</t>
    </rPh>
    <rPh sb="32" eb="34">
      <t>キニュウ</t>
    </rPh>
    <phoneticPr fontId="7"/>
  </si>
  <si>
    <t>※定額電灯、臨時電灯、公衆街路灯、臨時電力、農事用電力、融雪用電力は対象外としますので、記入しないでください。
　　</t>
    <phoneticPr fontId="7"/>
  </si>
  <si>
    <t>※調査対象期間が契約期間に含まれる「低圧等」（50kW未満、従量電灯または低圧電力のみ）の電気の供給を受ける契約（複数年契約を含む。）について記入してください。</t>
    <phoneticPr fontId="7"/>
  </si>
  <si>
    <t>※調査対象期間中に環境配慮契約（総合評価落札方式）を実施した場合のみ記入してください。</t>
    <rPh sb="1" eb="3">
      <t>チョウサ</t>
    </rPh>
    <rPh sb="3" eb="5">
      <t>タイショウ</t>
    </rPh>
    <rPh sb="5" eb="8">
      <t>キカンチュウ</t>
    </rPh>
    <rPh sb="9" eb="11">
      <t>カンキョウ</t>
    </rPh>
    <rPh sb="11" eb="13">
      <t>ハイリョ</t>
    </rPh>
    <rPh sb="13" eb="15">
      <t>ケイヤク</t>
    </rPh>
    <rPh sb="16" eb="20">
      <t>ソウゴウヒョウカ</t>
    </rPh>
    <rPh sb="20" eb="22">
      <t>ラクサツ</t>
    </rPh>
    <rPh sb="22" eb="24">
      <t>ホウシキ</t>
    </rPh>
    <rPh sb="26" eb="28">
      <t>ジッシ</t>
    </rPh>
    <rPh sb="30" eb="32">
      <t>バアイ</t>
    </rPh>
    <rPh sb="34" eb="36">
      <t>キニュウ</t>
    </rPh>
    <phoneticPr fontId="7"/>
  </si>
  <si>
    <r>
      <t>調査対象期間中に</t>
    </r>
    <r>
      <rPr>
        <u/>
        <sz val="11"/>
        <color indexed="10"/>
        <rFont val="ＭＳ ゴシック"/>
        <family val="3"/>
        <charset val="128"/>
      </rPr>
      <t>環境配慮契約（総合評価落札方式）を実施した契約について記入</t>
    </r>
    <r>
      <rPr>
        <sz val="11"/>
        <rFont val="ＭＳ ゴシック"/>
        <family val="3"/>
        <charset val="128"/>
      </rPr>
      <t>してください。</t>
    </r>
    <rPh sb="0" eb="2">
      <t>チョウサ</t>
    </rPh>
    <rPh sb="2" eb="4">
      <t>タイショウ</t>
    </rPh>
    <rPh sb="4" eb="7">
      <t>キカンチュウ</t>
    </rPh>
    <rPh sb="8" eb="10">
      <t>カンキョウ</t>
    </rPh>
    <rPh sb="10" eb="12">
      <t>ハイリョ</t>
    </rPh>
    <rPh sb="12" eb="14">
      <t>ケイヤク</t>
    </rPh>
    <rPh sb="29" eb="31">
      <t>ケイヤク</t>
    </rPh>
    <rPh sb="35" eb="37">
      <t>キニュウ</t>
    </rPh>
    <phoneticPr fontId="7"/>
  </si>
  <si>
    <t>※環境配慮契約（（燃料消費率及び排出ガスに関する基準の設定）の実施の有無に関わらず、調査対象期間中に調達した全ての小型船舶が調査対象。ただし、燃料を必要としない船舶（手漕ぎボート等）は調査対象外。</t>
    <rPh sb="1" eb="3">
      <t>カンキョウ</t>
    </rPh>
    <rPh sb="3" eb="5">
      <t>ハイリョ</t>
    </rPh>
    <rPh sb="5" eb="7">
      <t>ケイヤク</t>
    </rPh>
    <rPh sb="31" eb="33">
      <t>ジッシ</t>
    </rPh>
    <rPh sb="34" eb="36">
      <t>ウム</t>
    </rPh>
    <rPh sb="37" eb="38">
      <t>カカ</t>
    </rPh>
    <rPh sb="42" eb="44">
      <t>チョウサ</t>
    </rPh>
    <rPh sb="44" eb="46">
      <t>タイショウ</t>
    </rPh>
    <rPh sb="46" eb="49">
      <t>キカンチュウ</t>
    </rPh>
    <rPh sb="50" eb="52">
      <t>チョウタツ</t>
    </rPh>
    <rPh sb="54" eb="55">
      <t>スベ</t>
    </rPh>
    <rPh sb="57" eb="59">
      <t>コガタ</t>
    </rPh>
    <rPh sb="59" eb="61">
      <t>センパク</t>
    </rPh>
    <rPh sb="62" eb="64">
      <t>チョウサ</t>
    </rPh>
    <rPh sb="64" eb="66">
      <t>タイショウ</t>
    </rPh>
    <rPh sb="92" eb="94">
      <t>チョウサ</t>
    </rPh>
    <phoneticPr fontId="7"/>
  </si>
  <si>
    <r>
      <rPr>
        <u/>
        <sz val="11"/>
        <color indexed="10"/>
        <rFont val="ＭＳ ゴシック"/>
        <family val="3"/>
        <charset val="128"/>
      </rPr>
      <t>調査対象期間中に</t>
    </r>
    <r>
      <rPr>
        <u/>
        <sz val="11"/>
        <color indexed="10"/>
        <rFont val="ＭＳ ゴシック"/>
        <family val="3"/>
        <charset val="128"/>
      </rPr>
      <t>概略設計又は基本設計を外部に業務委託した場合が調査対象</t>
    </r>
    <r>
      <rPr>
        <sz val="11"/>
        <rFont val="ＭＳ ゴシック"/>
        <family val="3"/>
        <charset val="128"/>
      </rPr>
      <t>です。</t>
    </r>
    <rPh sb="0" eb="2">
      <t>チョウサ</t>
    </rPh>
    <rPh sb="2" eb="4">
      <t>タイショウ</t>
    </rPh>
    <rPh sb="4" eb="7">
      <t>キカンチュウ</t>
    </rPh>
    <rPh sb="8" eb="10">
      <t>ガイリャク</t>
    </rPh>
    <rPh sb="10" eb="12">
      <t>セッケイ</t>
    </rPh>
    <rPh sb="12" eb="13">
      <t>マタ</t>
    </rPh>
    <rPh sb="14" eb="16">
      <t>キホン</t>
    </rPh>
    <rPh sb="16" eb="18">
      <t>セッケイ</t>
    </rPh>
    <rPh sb="19" eb="21">
      <t>ガイブ</t>
    </rPh>
    <rPh sb="22" eb="24">
      <t>ギョウム</t>
    </rPh>
    <rPh sb="24" eb="26">
      <t>イタク</t>
    </rPh>
    <rPh sb="28" eb="30">
      <t>バアイ</t>
    </rPh>
    <rPh sb="31" eb="33">
      <t>チョウサ</t>
    </rPh>
    <rPh sb="33" eb="35">
      <t>タイショウ</t>
    </rPh>
    <phoneticPr fontId="7"/>
  </si>
  <si>
    <r>
      <rPr>
        <u/>
        <sz val="11"/>
        <color indexed="10"/>
        <rFont val="ＭＳ ゴシック"/>
        <family val="3"/>
        <charset val="128"/>
      </rPr>
      <t>調査対象期間中に</t>
    </r>
    <r>
      <rPr>
        <u/>
        <sz val="11"/>
        <color indexed="10"/>
        <rFont val="ＭＳ ゴシック"/>
        <family val="3"/>
        <charset val="128"/>
      </rPr>
      <t>建築物設計を外部に業務委託した場合が調査対象</t>
    </r>
    <r>
      <rPr>
        <sz val="11"/>
        <rFont val="ＭＳ ゴシック"/>
        <family val="3"/>
        <charset val="128"/>
      </rPr>
      <t>です。</t>
    </r>
    <rPh sb="0" eb="2">
      <t>チョウサ</t>
    </rPh>
    <rPh sb="2" eb="4">
      <t>タイショウ</t>
    </rPh>
    <rPh sb="4" eb="7">
      <t>キカンチュウ</t>
    </rPh>
    <rPh sb="8" eb="11">
      <t>ケンチクブツ</t>
    </rPh>
    <rPh sb="11" eb="13">
      <t>セッケイ</t>
    </rPh>
    <rPh sb="14" eb="16">
      <t>ガイブ</t>
    </rPh>
    <rPh sb="17" eb="19">
      <t>ギョウム</t>
    </rPh>
    <rPh sb="19" eb="21">
      <t>イタク</t>
    </rPh>
    <rPh sb="23" eb="25">
      <t>バアイ</t>
    </rPh>
    <rPh sb="26" eb="28">
      <t>チョウサ</t>
    </rPh>
    <rPh sb="28" eb="30">
      <t>タイショウ</t>
    </rPh>
    <phoneticPr fontId="7"/>
  </si>
  <si>
    <r>
      <t xml:space="preserve">落札者の車名
</t>
    </r>
    <r>
      <rPr>
        <sz val="9"/>
        <rFont val="ＭＳ Ｐゴシック"/>
        <family val="3"/>
        <charset val="128"/>
      </rPr>
      <t>※可能であれば記入してください。</t>
    </r>
    <rPh sb="0" eb="2">
      <t>ラクサツ</t>
    </rPh>
    <rPh sb="2" eb="3">
      <t>シャ</t>
    </rPh>
    <rPh sb="4" eb="6">
      <t>シャメイ</t>
    </rPh>
    <rPh sb="8" eb="10">
      <t>カノウ</t>
    </rPh>
    <rPh sb="14" eb="16">
      <t>キニュウ</t>
    </rPh>
    <phoneticPr fontId="7"/>
  </si>
  <si>
    <t>船舶の調達における概略設計または基本設計に関する業務の契約件数</t>
    <rPh sb="0" eb="2">
      <t>センパク</t>
    </rPh>
    <rPh sb="3" eb="5">
      <t>チョウタツ</t>
    </rPh>
    <rPh sb="9" eb="11">
      <t>ガイリャク</t>
    </rPh>
    <rPh sb="11" eb="13">
      <t>セッケイ</t>
    </rPh>
    <rPh sb="16" eb="18">
      <t>キホン</t>
    </rPh>
    <rPh sb="18" eb="20">
      <t>セッケイ</t>
    </rPh>
    <rPh sb="21" eb="22">
      <t>カン</t>
    </rPh>
    <rPh sb="24" eb="26">
      <t>ギョウム</t>
    </rPh>
    <rPh sb="27" eb="29">
      <t>ケイヤク</t>
    </rPh>
    <rPh sb="29" eb="31">
      <t>ケンスウ</t>
    </rPh>
    <phoneticPr fontId="7"/>
  </si>
  <si>
    <t>「（２）環境配慮型船舶プロポーザル方式を採用しなかった主な理由」は（１）で回答した環境配慮型船舶プロポーザルが未実施の全ての案件について御回答ください。</t>
    <rPh sb="37" eb="39">
      <t>カイトウ</t>
    </rPh>
    <rPh sb="41" eb="43">
      <t>カンキョウ</t>
    </rPh>
    <rPh sb="43" eb="46">
      <t>ハイリョガタ</t>
    </rPh>
    <rPh sb="46" eb="48">
      <t>センパク</t>
    </rPh>
    <rPh sb="55" eb="58">
      <t>ミジッシ</t>
    </rPh>
    <rPh sb="59" eb="60">
      <t>スベ</t>
    </rPh>
    <rPh sb="62" eb="64">
      <t>アンケン</t>
    </rPh>
    <rPh sb="68" eb="69">
      <t>ゴ</t>
    </rPh>
    <rPh sb="69" eb="71">
      <t>カイトウ</t>
    </rPh>
    <phoneticPr fontId="7"/>
  </si>
  <si>
    <t>(2）環境配慮契約を行う上で追加の評価項目を設定した場合、その内容及び追加方法を記入してください。</t>
    <rPh sb="3" eb="5">
      <t>カンキョウ</t>
    </rPh>
    <rPh sb="5" eb="7">
      <t>ハイリョ</t>
    </rPh>
    <rPh sb="7" eb="9">
      <t>ケイヤク</t>
    </rPh>
    <rPh sb="10" eb="11">
      <t>オコナ</t>
    </rPh>
    <rPh sb="12" eb="13">
      <t>ウエ</t>
    </rPh>
    <rPh sb="14" eb="16">
      <t>ツイカ</t>
    </rPh>
    <rPh sb="17" eb="19">
      <t>ヒョウカ</t>
    </rPh>
    <rPh sb="19" eb="21">
      <t>コウモク</t>
    </rPh>
    <rPh sb="22" eb="24">
      <t>セッテイ</t>
    </rPh>
    <rPh sb="26" eb="28">
      <t>バアイ</t>
    </rPh>
    <rPh sb="31" eb="33">
      <t>ナイヨウ</t>
    </rPh>
    <rPh sb="33" eb="34">
      <t>オヨ</t>
    </rPh>
    <rPh sb="35" eb="37">
      <t>ツイカ</t>
    </rPh>
    <rPh sb="37" eb="39">
      <t>ホウホウ</t>
    </rPh>
    <rPh sb="40" eb="42">
      <t>キニュウ</t>
    </rPh>
    <phoneticPr fontId="7"/>
  </si>
  <si>
    <t>（１）産業廃棄物処理契約において環境配慮契約を行う上での問題点、その問題点への対応方法等に関する御意見があれば記入してください。</t>
    <rPh sb="3" eb="5">
      <t>サンギョウ</t>
    </rPh>
    <rPh sb="5" eb="8">
      <t>ハイキブツ</t>
    </rPh>
    <rPh sb="8" eb="10">
      <t>ショリ</t>
    </rPh>
    <rPh sb="10" eb="12">
      <t>ケイヤク</t>
    </rPh>
    <rPh sb="16" eb="18">
      <t>カンキョウ</t>
    </rPh>
    <rPh sb="18" eb="20">
      <t>ハイリョ</t>
    </rPh>
    <rPh sb="20" eb="22">
      <t>ケイヤク</t>
    </rPh>
    <rPh sb="23" eb="24">
      <t>オコナ</t>
    </rPh>
    <rPh sb="25" eb="26">
      <t>ウエ</t>
    </rPh>
    <rPh sb="28" eb="31">
      <t>モンダイテン</t>
    </rPh>
    <rPh sb="34" eb="37">
      <t>モンダイテン</t>
    </rPh>
    <rPh sb="39" eb="41">
      <t>タイオウ</t>
    </rPh>
    <rPh sb="41" eb="44">
      <t>ホウホウナド</t>
    </rPh>
    <rPh sb="45" eb="46">
      <t>カン</t>
    </rPh>
    <rPh sb="48" eb="49">
      <t>ゴ</t>
    </rPh>
    <rPh sb="49" eb="51">
      <t>イケン</t>
    </rPh>
    <rPh sb="55" eb="57">
      <t>キニュウ</t>
    </rPh>
    <phoneticPr fontId="7"/>
  </si>
  <si>
    <t>ウ）に該当する設計業務がある場合、その事情をできるだけ記入してください。</t>
    <rPh sb="3" eb="5">
      <t>ガイトウ</t>
    </rPh>
    <rPh sb="7" eb="9">
      <t>セッケイ</t>
    </rPh>
    <rPh sb="9" eb="11">
      <t>ギョウム</t>
    </rPh>
    <rPh sb="14" eb="16">
      <t>バアイ</t>
    </rPh>
    <rPh sb="19" eb="21">
      <t>ジジョウ</t>
    </rPh>
    <rPh sb="27" eb="29">
      <t>キニュウ</t>
    </rPh>
    <phoneticPr fontId="7"/>
  </si>
  <si>
    <t>リエスパワーネクスト株式会社</t>
  </si>
  <si>
    <t>その他の内容（自由記入）</t>
    <rPh sb="2" eb="3">
      <t>タ</t>
    </rPh>
    <rPh sb="4" eb="6">
      <t>ナイヨウ</t>
    </rPh>
    <rPh sb="7" eb="11">
      <t>ジユウキニュウ</t>
    </rPh>
    <phoneticPr fontId="7"/>
  </si>
  <si>
    <t>二酸化炭素排出係数以外の
評価項目</t>
    <rPh sb="0" eb="3">
      <t>ニサンカ</t>
    </rPh>
    <rPh sb="3" eb="5">
      <t>タンソ</t>
    </rPh>
    <rPh sb="5" eb="7">
      <t>ハイシュツ</t>
    </rPh>
    <rPh sb="7" eb="9">
      <t>ケイスウ</t>
    </rPh>
    <rPh sb="9" eb="11">
      <t>イガイ</t>
    </rPh>
    <rPh sb="13" eb="15">
      <t>ヒョウカ</t>
    </rPh>
    <rPh sb="15" eb="17">
      <t>コウモク</t>
    </rPh>
    <phoneticPr fontId="7"/>
  </si>
  <si>
    <r>
      <t xml:space="preserve">その他の内容
</t>
    </r>
    <r>
      <rPr>
        <b/>
        <sz val="10"/>
        <color indexed="10"/>
        <rFont val="ＭＳ Ｐゴシック"/>
        <family val="3"/>
        <charset val="128"/>
      </rPr>
      <t>※具体的な理由を記入してください。</t>
    </r>
    <rPh sb="2" eb="3">
      <t>ホカ</t>
    </rPh>
    <rPh sb="4" eb="6">
      <t>ナイヨウ</t>
    </rPh>
    <rPh sb="9" eb="12">
      <t>グタイテキ</t>
    </rPh>
    <rPh sb="13" eb="15">
      <t>リユウ</t>
    </rPh>
    <rPh sb="16" eb="18">
      <t>キニュウ</t>
    </rPh>
    <phoneticPr fontId="7"/>
  </si>
  <si>
    <t>限定しない</t>
    <rPh sb="0" eb="2">
      <t>ゲンテイ</t>
    </rPh>
    <phoneticPr fontId="7"/>
  </si>
  <si>
    <t>ハイブリッド</t>
    <phoneticPr fontId="7"/>
  </si>
  <si>
    <t>排気量の目安
（cc）</t>
    <phoneticPr fontId="7"/>
  </si>
  <si>
    <t>年間想定
走行距離
(km/年)</t>
    <rPh sb="0" eb="2">
      <t>ネンカン</t>
    </rPh>
    <rPh sb="2" eb="4">
      <t>ソウテイ</t>
    </rPh>
    <rPh sb="5" eb="7">
      <t>ソウコウ</t>
    </rPh>
    <rPh sb="7" eb="9">
      <t>キョリ</t>
    </rPh>
    <rPh sb="15" eb="16">
      <t>ネン</t>
    </rPh>
    <phoneticPr fontId="7"/>
  </si>
  <si>
    <t>想定
供用
期間
（年）
※4</t>
    <rPh sb="0" eb="2">
      <t>ソウテイ</t>
    </rPh>
    <rPh sb="3" eb="5">
      <t>キョウヨウ</t>
    </rPh>
    <rPh sb="6" eb="8">
      <t>キカン</t>
    </rPh>
    <rPh sb="11" eb="12">
      <t>ネン</t>
    </rPh>
    <phoneticPr fontId="7"/>
  </si>
  <si>
    <t>燃費
目標値
(km/㍑)</t>
    <rPh sb="0" eb="2">
      <t>ネンピ</t>
    </rPh>
    <rPh sb="3" eb="6">
      <t>モクヒョウチ</t>
    </rPh>
    <phoneticPr fontId="7"/>
  </si>
  <si>
    <t>燃費
基準値
(km/㍑)</t>
    <rPh sb="0" eb="2">
      <t>ネンピ</t>
    </rPh>
    <rPh sb="3" eb="6">
      <t>キジュンチ</t>
    </rPh>
    <phoneticPr fontId="7"/>
  </si>
  <si>
    <t>加算点
の満点
（点）</t>
    <rPh sb="5" eb="7">
      <t>マンテン</t>
    </rPh>
    <rPh sb="10" eb="11">
      <t>テン</t>
    </rPh>
    <phoneticPr fontId="7"/>
  </si>
  <si>
    <t>※総合評価落札方式の実績がない場合は「実績なし」を選択すること⇒</t>
    <rPh sb="1" eb="5">
      <t>ソウゴウヒョウカ</t>
    </rPh>
    <rPh sb="5" eb="7">
      <t>ラクサツ</t>
    </rPh>
    <rPh sb="7" eb="9">
      <t>ホウシキ</t>
    </rPh>
    <rPh sb="10" eb="12">
      <t>ジッセキ</t>
    </rPh>
    <rPh sb="15" eb="17">
      <t>バアイ</t>
    </rPh>
    <rPh sb="19" eb="21">
      <t>ジッセキ</t>
    </rPh>
    <rPh sb="25" eb="27">
      <t>センタク</t>
    </rPh>
    <phoneticPr fontId="7"/>
  </si>
  <si>
    <t>標準点
（点）</t>
    <rPh sb="7" eb="8">
      <t>テン</t>
    </rPh>
    <phoneticPr fontId="7"/>
  </si>
  <si>
    <t>沖縄電力管内及び離島地域であり、電力供給会社が３者に満たないため</t>
    <rPh sb="0" eb="2">
      <t>オキナワ</t>
    </rPh>
    <rPh sb="2" eb="4">
      <t>デンリョク</t>
    </rPh>
    <rPh sb="4" eb="6">
      <t>カンナイ</t>
    </rPh>
    <rPh sb="6" eb="7">
      <t>オヨ</t>
    </rPh>
    <rPh sb="8" eb="10">
      <t>リトウ</t>
    </rPh>
    <rPh sb="10" eb="12">
      <t>チイキ</t>
    </rPh>
    <phoneticPr fontId="7"/>
  </si>
  <si>
    <t>×</t>
  </si>
  <si>
    <t>◎</t>
  </si>
  <si>
    <r>
      <t xml:space="preserve">実施に向けての課題
</t>
    </r>
    <r>
      <rPr>
        <b/>
        <sz val="11"/>
        <color indexed="10"/>
        <rFont val="ＭＳ Ｐゴシック"/>
        <family val="3"/>
        <charset val="128"/>
      </rPr>
      <t>※実施に向けて課題と感じていることがあれば記入してください。</t>
    </r>
    <rPh sb="0" eb="2">
      <t>ジッシ</t>
    </rPh>
    <rPh sb="3" eb="4">
      <t>ム</t>
    </rPh>
    <rPh sb="7" eb="9">
      <t>カダイ</t>
    </rPh>
    <rPh sb="12" eb="14">
      <t>ジッシ</t>
    </rPh>
    <rPh sb="15" eb="16">
      <t>ム</t>
    </rPh>
    <rPh sb="18" eb="20">
      <t>カダイ</t>
    </rPh>
    <rPh sb="21" eb="22">
      <t>カン</t>
    </rPh>
    <rPh sb="32" eb="34">
      <t>キニュウ</t>
    </rPh>
    <phoneticPr fontId="7"/>
  </si>
  <si>
    <t>○○○○が課題</t>
    <rPh sb="5" eb="7">
      <t>カダイ</t>
    </rPh>
    <phoneticPr fontId="7"/>
  </si>
  <si>
    <r>
      <t xml:space="preserve">環境配慮契約（裾切り方式）未実施の詳細
</t>
    </r>
    <r>
      <rPr>
        <b/>
        <u/>
        <sz val="12"/>
        <color indexed="10"/>
        <rFont val="ＭＳ Ｐゴシック"/>
        <family val="3"/>
        <charset val="128"/>
      </rPr>
      <t>※「契約方式」の項目が「C」または「Ｄ]の場合、必ず記入してください。</t>
    </r>
    <rPh sb="0" eb="2">
      <t>カンキョウ</t>
    </rPh>
    <rPh sb="2" eb="4">
      <t>ハイリョ</t>
    </rPh>
    <rPh sb="4" eb="6">
      <t>ケイヤク</t>
    </rPh>
    <rPh sb="7" eb="8">
      <t>スソ</t>
    </rPh>
    <rPh sb="8" eb="9">
      <t>ギ</t>
    </rPh>
    <rPh sb="10" eb="12">
      <t>ホウシキ</t>
    </rPh>
    <rPh sb="13" eb="16">
      <t>ミジッシ</t>
    </rPh>
    <rPh sb="17" eb="19">
      <t>ショウサイ</t>
    </rPh>
    <rPh sb="44" eb="45">
      <t>カナラ</t>
    </rPh>
    <phoneticPr fontId="7"/>
  </si>
  <si>
    <t>系統未接続のため、電力供給事業者が限定されるため</t>
    <rPh sb="0" eb="2">
      <t>ケイトウ</t>
    </rPh>
    <rPh sb="2" eb="5">
      <t>ミセツゾク</t>
    </rPh>
    <rPh sb="9" eb="11">
      <t>デンリョク</t>
    </rPh>
    <rPh sb="11" eb="13">
      <t>キョウキュウ</t>
    </rPh>
    <rPh sb="13" eb="16">
      <t>ジギョウシャ</t>
    </rPh>
    <rPh sb="17" eb="19">
      <t>ゲンテイ</t>
    </rPh>
    <phoneticPr fontId="7"/>
  </si>
  <si>
    <t>少額以外の随意契約を実施した件数</t>
    <rPh sb="0" eb="4">
      <t>ショウガクイガイ</t>
    </rPh>
    <rPh sb="5" eb="7">
      <t>ズイイ</t>
    </rPh>
    <rPh sb="7" eb="9">
      <t>ケイヤク</t>
    </rPh>
    <rPh sb="10" eb="12">
      <t>ジッシ</t>
    </rPh>
    <rPh sb="14" eb="16">
      <t>ケンスウ</t>
    </rPh>
    <phoneticPr fontId="7"/>
  </si>
  <si>
    <t>少額随意契約を実施した件数</t>
    <rPh sb="0" eb="2">
      <t>ショウガク</t>
    </rPh>
    <rPh sb="2" eb="4">
      <t>ズイイ</t>
    </rPh>
    <rPh sb="4" eb="6">
      <t>ケイヤク</t>
    </rPh>
    <phoneticPr fontId="7"/>
  </si>
  <si>
    <t>少額随契における環境配慮契約の
実施の有無</t>
    <rPh sb="0" eb="2">
      <t>ショウガク</t>
    </rPh>
    <rPh sb="2" eb="4">
      <t>ズイケイ</t>
    </rPh>
    <rPh sb="8" eb="10">
      <t>カンキョウ</t>
    </rPh>
    <rPh sb="10" eb="12">
      <t>ハイリョ</t>
    </rPh>
    <rPh sb="12" eb="14">
      <t>ケイヤク</t>
    </rPh>
    <rPh sb="16" eb="18">
      <t>ジッシ</t>
    </rPh>
    <rPh sb="19" eb="21">
      <t>ウム</t>
    </rPh>
    <phoneticPr fontId="7"/>
  </si>
  <si>
    <r>
      <t xml:space="preserve">少額随契の内容
</t>
    </r>
    <r>
      <rPr>
        <b/>
        <sz val="11"/>
        <color indexed="10"/>
        <rFont val="ＭＳ Ｐゴシック"/>
        <family val="3"/>
        <charset val="128"/>
      </rPr>
      <t>※「E」の場合</t>
    </r>
    <rPh sb="0" eb="2">
      <t>ショウガク</t>
    </rPh>
    <rPh sb="2" eb="4">
      <t>ズイケイ</t>
    </rPh>
    <rPh sb="5" eb="7">
      <t>ナイヨウ</t>
    </rPh>
    <rPh sb="13" eb="15">
      <t>バアイ</t>
    </rPh>
    <phoneticPr fontId="7"/>
  </si>
  <si>
    <t>長期契約期間中のため</t>
    <rPh sb="0" eb="2">
      <t>チョウキ</t>
    </rPh>
    <rPh sb="2" eb="4">
      <t>ケイヤク</t>
    </rPh>
    <rPh sb="4" eb="7">
      <t>キカンチュウ</t>
    </rPh>
    <phoneticPr fontId="7"/>
  </si>
  <si>
    <t>仕様で燃料種を限定しない場合は「限定しない」の○印を選択。燃料種又は車種を指定した場合は該当する欄に○印を記入。入札結果の車両の燃料種又は車種を選択</t>
    <rPh sb="0" eb="2">
      <t>シヨウ</t>
    </rPh>
    <rPh sb="3" eb="5">
      <t>ネンリョウ</t>
    </rPh>
    <rPh sb="5" eb="6">
      <t>シュ</t>
    </rPh>
    <rPh sb="7" eb="9">
      <t>ゲンテイ</t>
    </rPh>
    <rPh sb="12" eb="14">
      <t>バアイ</t>
    </rPh>
    <rPh sb="16" eb="18">
      <t>ゲンテイ</t>
    </rPh>
    <rPh sb="23" eb="25">
      <t>マルシルシ</t>
    </rPh>
    <rPh sb="26" eb="28">
      <t>センタク</t>
    </rPh>
    <rPh sb="29" eb="32">
      <t>ネンリョウシュ</t>
    </rPh>
    <rPh sb="32" eb="33">
      <t>マタ</t>
    </rPh>
    <rPh sb="34" eb="36">
      <t>シャシュ</t>
    </rPh>
    <rPh sb="37" eb="39">
      <t>シテイ</t>
    </rPh>
    <rPh sb="41" eb="43">
      <t>バアイ</t>
    </rPh>
    <rPh sb="44" eb="46">
      <t>ガイトウ</t>
    </rPh>
    <rPh sb="48" eb="49">
      <t>ラン</t>
    </rPh>
    <rPh sb="51" eb="52">
      <t>シルシ</t>
    </rPh>
    <rPh sb="53" eb="55">
      <t>キニュウ</t>
    </rPh>
    <rPh sb="56" eb="58">
      <t>ニュウサツ</t>
    </rPh>
    <rPh sb="58" eb="60">
      <t>ケッカ</t>
    </rPh>
    <rPh sb="61" eb="63">
      <t>シャリョウ</t>
    </rPh>
    <rPh sb="64" eb="67">
      <t>ネンリョウシュ</t>
    </rPh>
    <rPh sb="67" eb="68">
      <t>マタ</t>
    </rPh>
    <rPh sb="69" eb="71">
      <t>シャシュ</t>
    </rPh>
    <rPh sb="72" eb="74">
      <t>センタク</t>
    </rPh>
    <phoneticPr fontId="7"/>
  </si>
  <si>
    <t>燃料・車種 ※3</t>
    <rPh sb="3" eb="5">
      <t>シャシュ</t>
    </rPh>
    <phoneticPr fontId="7"/>
  </si>
  <si>
    <t>燃料・車種
※3</t>
    <rPh sb="3" eb="5">
      <t>シャシュ</t>
    </rPh>
    <phoneticPr fontId="7"/>
  </si>
  <si>
    <t>燃料・車種</t>
    <rPh sb="0" eb="2">
      <t>ネンリョウ</t>
    </rPh>
    <rPh sb="3" eb="5">
      <t>シャシュ</t>
    </rPh>
    <phoneticPr fontId="7"/>
  </si>
  <si>
    <t>「排気量の目安」は入札説明書等で要件として示した内容を記入してください。</t>
    <rPh sb="1" eb="4">
      <t>ハイキリョウ</t>
    </rPh>
    <rPh sb="5" eb="7">
      <t>メヤス</t>
    </rPh>
    <rPh sb="9" eb="11">
      <t>ニュウサツ</t>
    </rPh>
    <rPh sb="11" eb="14">
      <t>セツメイショ</t>
    </rPh>
    <rPh sb="14" eb="15">
      <t>トウ</t>
    </rPh>
    <rPh sb="16" eb="18">
      <t>ヨウケン</t>
    </rPh>
    <rPh sb="21" eb="22">
      <t>シメ</t>
    </rPh>
    <rPh sb="24" eb="26">
      <t>ナイヨウ</t>
    </rPh>
    <rPh sb="27" eb="29">
      <t>キニュウ</t>
    </rPh>
    <phoneticPr fontId="7"/>
  </si>
  <si>
    <t>仕様の「燃料・車種」欄は入札説明書等で要件として示した燃料種又は車種に「○印」を、入札結果の「燃料・車種」は入札の結果調達した車両の燃料種又は車種を選択してください。</t>
    <rPh sb="0" eb="2">
      <t>シヨウ</t>
    </rPh>
    <rPh sb="4" eb="6">
      <t>ネンリョウ</t>
    </rPh>
    <rPh sb="7" eb="9">
      <t>シャシュ</t>
    </rPh>
    <rPh sb="10" eb="11">
      <t>ラン</t>
    </rPh>
    <rPh sb="12" eb="18">
      <t>ニュウサツセツメイショトウ</t>
    </rPh>
    <rPh sb="19" eb="21">
      <t>ヨウケン</t>
    </rPh>
    <rPh sb="24" eb="25">
      <t>シメ</t>
    </rPh>
    <rPh sb="27" eb="30">
      <t>ネンリョウシュ</t>
    </rPh>
    <rPh sb="30" eb="31">
      <t>マタ</t>
    </rPh>
    <rPh sb="32" eb="34">
      <t>シャシュ</t>
    </rPh>
    <rPh sb="37" eb="38">
      <t>シルシ</t>
    </rPh>
    <rPh sb="41" eb="45">
      <t>ニュウサツケッカ</t>
    </rPh>
    <rPh sb="47" eb="49">
      <t>ネンリョウ</t>
    </rPh>
    <rPh sb="50" eb="52">
      <t>シャシュ</t>
    </rPh>
    <rPh sb="54" eb="56">
      <t>ニュウサツ</t>
    </rPh>
    <rPh sb="57" eb="59">
      <t>ケッカ</t>
    </rPh>
    <rPh sb="59" eb="61">
      <t>チョウタツ</t>
    </rPh>
    <rPh sb="63" eb="65">
      <t>シャリョウ</t>
    </rPh>
    <rPh sb="66" eb="68">
      <t>ネンリョウ</t>
    </rPh>
    <rPh sb="68" eb="69">
      <t>シュ</t>
    </rPh>
    <rPh sb="69" eb="70">
      <t>マタ</t>
    </rPh>
    <rPh sb="71" eb="73">
      <t>シャシュ</t>
    </rPh>
    <rPh sb="74" eb="76">
      <t>センタク</t>
    </rPh>
    <phoneticPr fontId="7"/>
  </si>
  <si>
    <t>検討中</t>
  </si>
  <si>
    <t>一括発注の検討状況</t>
    <rPh sb="0" eb="2">
      <t>イッカツ</t>
    </rPh>
    <rPh sb="2" eb="4">
      <t>ハッチュウ</t>
    </rPh>
    <rPh sb="5" eb="7">
      <t>ケントウ</t>
    </rPh>
    <rPh sb="7" eb="9">
      <t>ジョウキョウ</t>
    </rPh>
    <phoneticPr fontId="7"/>
  </si>
  <si>
    <r>
      <rPr>
        <u/>
        <sz val="11"/>
        <color indexed="10"/>
        <rFont val="ＭＳ ゴシック"/>
        <family val="3"/>
        <charset val="128"/>
      </rPr>
      <t>調査対象期間が契約期間に含まれる「低圧等」（</t>
    </r>
    <r>
      <rPr>
        <u/>
        <sz val="11"/>
        <color indexed="10"/>
        <rFont val="ＭＳ ゴシック"/>
        <family val="3"/>
        <charset val="128"/>
      </rPr>
      <t>50kW未満、従量電灯または低圧電力のみ</t>
    </r>
    <r>
      <rPr>
        <u/>
        <sz val="11"/>
        <color indexed="10"/>
        <rFont val="ＭＳ ゴシック"/>
        <family val="3"/>
        <charset val="128"/>
      </rPr>
      <t>）の電気の供給を受ける契約（複数年契約を含む。）について記入</t>
    </r>
    <r>
      <rPr>
        <sz val="11"/>
        <rFont val="ＭＳ ゴシック"/>
        <family val="3"/>
        <charset val="128"/>
      </rPr>
      <t>してください。
更新等により</t>
    </r>
    <r>
      <rPr>
        <u/>
        <sz val="11"/>
        <color indexed="10"/>
        <rFont val="ＭＳ ゴシック"/>
        <family val="3"/>
        <charset val="128"/>
      </rPr>
      <t>調査対象期間を契約期間に含む契約が複数ある場合は、契約の始期がより新しい契約のみを記入</t>
    </r>
    <r>
      <rPr>
        <sz val="11"/>
        <rFont val="ＭＳ ゴシック"/>
        <family val="3"/>
        <charset val="128"/>
      </rPr>
      <t>してください。</t>
    </r>
    <rPh sb="2" eb="4">
      <t>タイショウ</t>
    </rPh>
    <rPh sb="17" eb="19">
      <t>テイアツ</t>
    </rPh>
    <rPh sb="19" eb="20">
      <t>トウ</t>
    </rPh>
    <rPh sb="26" eb="28">
      <t>ミマン</t>
    </rPh>
    <rPh sb="29" eb="31">
      <t>ジュウリョウ</t>
    </rPh>
    <rPh sb="31" eb="33">
      <t>デントウ</t>
    </rPh>
    <rPh sb="36" eb="38">
      <t>テイアツ</t>
    </rPh>
    <rPh sb="38" eb="40">
      <t>デンリョク</t>
    </rPh>
    <rPh sb="56" eb="59">
      <t>フクスウネン</t>
    </rPh>
    <rPh sb="59" eb="61">
      <t>ケイヤク</t>
    </rPh>
    <rPh sb="62" eb="63">
      <t>フク</t>
    </rPh>
    <phoneticPr fontId="7"/>
  </si>
  <si>
    <t>予決令・会計規程等に基づく
少額随契可能な基準額（万円）</t>
    <rPh sb="25" eb="26">
      <t>マン</t>
    </rPh>
    <rPh sb="26" eb="27">
      <t>エン</t>
    </rPh>
    <phoneticPr fontId="7"/>
  </si>
  <si>
    <r>
      <rPr>
        <b/>
        <sz val="11"/>
        <color indexed="10"/>
        <rFont val="ＭＳ Ｐゴシック"/>
        <family val="3"/>
        <charset val="128"/>
      </rPr>
      <t xml:space="preserve">　 </t>
    </r>
    <r>
      <rPr>
        <b/>
        <u/>
        <sz val="11"/>
        <color indexed="10"/>
        <rFont val="ＭＳ Ｐゴシック"/>
        <family val="3"/>
        <charset val="128"/>
      </rPr>
      <t>更新等により調査対象期間を契約期間に含む契約が複数ある場合は、契約の始期がより新しい契約のみを記入してください。</t>
    </r>
    <phoneticPr fontId="7"/>
  </si>
  <si>
    <t>　更新等により調査対象期間を契約期間に含む契約が複数ある場合は、契約の始期がより新しい契約のみを記入してください。</t>
    <phoneticPr fontId="7"/>
  </si>
  <si>
    <t>その他</t>
  </si>
  <si>
    <t>※ このシートは計算の参考にしてください。記入欄はありません。</t>
    <rPh sb="8" eb="10">
      <t>ケイサン</t>
    </rPh>
    <rPh sb="11" eb="13">
      <t>サンコウ</t>
    </rPh>
    <rPh sb="21" eb="24">
      <t>キニュウラン</t>
    </rPh>
    <phoneticPr fontId="7"/>
  </si>
  <si>
    <r>
      <t xml:space="preserve">総合評価落札方式の実施
</t>
    </r>
    <r>
      <rPr>
        <b/>
        <sz val="8"/>
        <color indexed="10"/>
        <rFont val="ＭＳ ゴシック"/>
        <family val="3"/>
        <charset val="128"/>
      </rPr>
      <t>※「○」の場合、詳細をヒアリングさせていただく可能性があります。</t>
    </r>
    <rPh sb="0" eb="8">
      <t>ソウゴウヒョウカラクサツホウシキ</t>
    </rPh>
    <rPh sb="9" eb="11">
      <t>ジッシ</t>
    </rPh>
    <rPh sb="17" eb="19">
      <t>バアイ</t>
    </rPh>
    <rPh sb="20" eb="22">
      <t>ショウサイ</t>
    </rPh>
    <rPh sb="35" eb="38">
      <t>カノウセイ</t>
    </rPh>
    <phoneticPr fontId="7"/>
  </si>
  <si>
    <t>株式会社自然電力</t>
    <rPh sb="0" eb="4">
      <t>カブシキガイシャ</t>
    </rPh>
    <rPh sb="4" eb="6">
      <t>シゼン</t>
    </rPh>
    <rPh sb="6" eb="8">
      <t>デンリョク</t>
    </rPh>
    <phoneticPr fontId="7"/>
  </si>
  <si>
    <t>株式会社自然電力</t>
    <phoneticPr fontId="7"/>
  </si>
  <si>
    <r>
      <rPr>
        <u/>
        <sz val="11"/>
        <color indexed="10"/>
        <rFont val="ＭＳ ゴシック"/>
        <family val="3"/>
        <charset val="128"/>
      </rPr>
      <t>調査対象期間中に実施したフィージビリティ・スタディについて記入</t>
    </r>
    <r>
      <rPr>
        <sz val="11"/>
        <rFont val="ＭＳ ゴシック"/>
        <family val="3"/>
        <charset val="128"/>
      </rPr>
      <t>してください。
単に省エネ診断等のみの実施は該当せず、ESCO事業の事業性調査を行った場合に該当します。</t>
    </r>
    <rPh sb="0" eb="2">
      <t>チョウサ</t>
    </rPh>
    <rPh sb="2" eb="4">
      <t>タイショウ</t>
    </rPh>
    <rPh sb="4" eb="6">
      <t>キカン</t>
    </rPh>
    <rPh sb="6" eb="7">
      <t>チュウ</t>
    </rPh>
    <rPh sb="8" eb="10">
      <t>ジッシ</t>
    </rPh>
    <rPh sb="29" eb="31">
      <t>キニュウ</t>
    </rPh>
    <rPh sb="39" eb="40">
      <t>タン</t>
    </rPh>
    <rPh sb="41" eb="42">
      <t>ショウ</t>
    </rPh>
    <rPh sb="44" eb="46">
      <t>シンダン</t>
    </rPh>
    <rPh sb="46" eb="47">
      <t>トウ</t>
    </rPh>
    <rPh sb="50" eb="52">
      <t>ジッシ</t>
    </rPh>
    <rPh sb="53" eb="55">
      <t>ガイトウ</t>
    </rPh>
    <rPh sb="62" eb="64">
      <t>ジギョウ</t>
    </rPh>
    <rPh sb="65" eb="68">
      <t>ジギョウセイ</t>
    </rPh>
    <rPh sb="68" eb="70">
      <t>チョウサ</t>
    </rPh>
    <rPh sb="71" eb="72">
      <t>オコナ</t>
    </rPh>
    <rPh sb="74" eb="76">
      <t>バアイ</t>
    </rPh>
    <rPh sb="77" eb="79">
      <t>ガイトウ</t>
    </rPh>
    <phoneticPr fontId="7"/>
  </si>
  <si>
    <t>カジノ管理委員会</t>
    <rPh sb="3" eb="5">
      <t>カンリ</t>
    </rPh>
    <rPh sb="5" eb="8">
      <t>イインカイ</t>
    </rPh>
    <phoneticPr fontId="7"/>
  </si>
  <si>
    <t>デジタル庁</t>
    <rPh sb="4" eb="5">
      <t>チョウ</t>
    </rPh>
    <phoneticPr fontId="7"/>
  </si>
  <si>
    <t>王子・伊藤忠エネクス電力販売株式会社</t>
  </si>
  <si>
    <t>大和ハウス工業株式会社</t>
  </si>
  <si>
    <t>バンプーパワートレーディング合同会社</t>
  </si>
  <si>
    <t>※プロポーザル方式に
　よらない場合を含む</t>
  </si>
  <si>
    <t>(b)</t>
  </si>
  <si>
    <t>(a)</t>
    <phoneticPr fontId="7"/>
  </si>
  <si>
    <t>設計業務の総数</t>
    <rPh sb="0" eb="4">
      <t>セッケイギョウム</t>
    </rPh>
    <rPh sb="5" eb="7">
      <t>ソウスウ</t>
    </rPh>
    <phoneticPr fontId="7"/>
  </si>
  <si>
    <t>プロポーザル方式の実施について</t>
    <phoneticPr fontId="7"/>
  </si>
  <si>
    <t>環境配慮型プロポーザル方式の実施について</t>
    <rPh sb="0" eb="5">
      <t>カンキョウハイリョガタ</t>
    </rPh>
    <phoneticPr fontId="7"/>
  </si>
  <si>
    <t>(b-1) 
プロポーザル
方式を実施</t>
    <rPh sb="14" eb="16">
      <t>ホウシキ</t>
    </rPh>
    <rPh sb="17" eb="19">
      <t>ジッシ</t>
    </rPh>
    <phoneticPr fontId="7"/>
  </si>
  <si>
    <t>(b-2) 
プロポーザル
方式を未実施</t>
    <rPh sb="14" eb="16">
      <t>ホウシキ</t>
    </rPh>
    <rPh sb="17" eb="18">
      <t>ミ</t>
    </rPh>
    <rPh sb="18" eb="20">
      <t>ジッシ</t>
    </rPh>
    <phoneticPr fontId="7"/>
  </si>
  <si>
    <t>※ (a)の内数</t>
    <rPh sb="6" eb="8">
      <t>ウチスウ</t>
    </rPh>
    <phoneticPr fontId="7"/>
  </si>
  <si>
    <t>(c)</t>
    <phoneticPr fontId="7"/>
  </si>
  <si>
    <t>※ (b-1)の内数</t>
    <rPh sb="8" eb="10">
      <t>ウチスウ</t>
    </rPh>
    <phoneticPr fontId="7"/>
  </si>
  <si>
    <t>(c-1) 
環境配慮型
プロポーザル
方式を実施</t>
    <rPh sb="7" eb="12">
      <t>カンキョウハイリョガタ</t>
    </rPh>
    <rPh sb="20" eb="22">
      <t>ホウシキ</t>
    </rPh>
    <rPh sb="23" eb="25">
      <t>ジッシ</t>
    </rPh>
    <phoneticPr fontId="7"/>
  </si>
  <si>
    <t>（２）環境配慮型プロポーザル方式の未実施理由</t>
    <rPh sb="17" eb="18">
      <t>ミ</t>
    </rPh>
    <rPh sb="18" eb="20">
      <t>ジッシ</t>
    </rPh>
    <phoneticPr fontId="7"/>
  </si>
  <si>
    <t>文化財保存施設の整備等、温室効果ガス等の排出削減以外の特定の機能に対し、優先して提案を求める必要がある事業</t>
    <rPh sb="0" eb="3">
      <t>ブンカザイ</t>
    </rPh>
    <rPh sb="3" eb="5">
      <t>ホゾン</t>
    </rPh>
    <rPh sb="5" eb="7">
      <t>シセツ</t>
    </rPh>
    <rPh sb="8" eb="10">
      <t>セイビ</t>
    </rPh>
    <rPh sb="10" eb="11">
      <t>ナド</t>
    </rPh>
    <rPh sb="24" eb="26">
      <t>イガイ</t>
    </rPh>
    <rPh sb="36" eb="38">
      <t>ユウセン</t>
    </rPh>
    <rPh sb="40" eb="42">
      <t>テイアン</t>
    </rPh>
    <rPh sb="43" eb="44">
      <t>モト</t>
    </rPh>
    <rPh sb="46" eb="48">
      <t>ヒツヨウ</t>
    </rPh>
    <phoneticPr fontId="7"/>
  </si>
  <si>
    <t>ア）</t>
    <phoneticPr fontId="7"/>
  </si>
  <si>
    <t>耐震改修や機器の単純な修繕等で、環境配慮の提案余地が認められない事業</t>
    <rPh sb="8" eb="10">
      <t>タンジュン</t>
    </rPh>
    <rPh sb="11" eb="13">
      <t>シュウゼン</t>
    </rPh>
    <rPh sb="13" eb="14">
      <t>トウ</t>
    </rPh>
    <rPh sb="21" eb="23">
      <t>テイアン</t>
    </rPh>
    <rPh sb="26" eb="27">
      <t>ミト</t>
    </rPh>
    <phoneticPr fontId="7"/>
  </si>
  <si>
    <t>イ）</t>
  </si>
  <si>
    <t>ウ）</t>
  </si>
  <si>
    <t>確認してください⇒</t>
    <rPh sb="0" eb="2">
      <t>カクニン</t>
    </rPh>
    <phoneticPr fontId="7"/>
  </si>
  <si>
    <t>(b-2) プロポーザル方式を未実施　の場合</t>
    <rPh sb="20" eb="22">
      <t>バアイ</t>
    </rPh>
    <phoneticPr fontId="7"/>
  </si>
  <si>
    <t>(c-2) 
「環境配慮型」
以外のプロポーザル方式を実施</t>
    <rPh sb="8" eb="13">
      <t>カンキョウハイリョガタ</t>
    </rPh>
    <rPh sb="15" eb="17">
      <t>イガイ</t>
    </rPh>
    <rPh sb="24" eb="26">
      <t>ホウシキ</t>
    </rPh>
    <rPh sb="27" eb="29">
      <t>ジッシ</t>
    </rPh>
    <phoneticPr fontId="7"/>
  </si>
  <si>
    <t>(c-2) 「環境配慮型」以外のプロポーザル方式を実施　の場合</t>
    <rPh sb="7" eb="9">
      <t>カンキョウ</t>
    </rPh>
    <rPh sb="9" eb="11">
      <t>ハイリョ</t>
    </rPh>
    <rPh sb="11" eb="12">
      <t>ガタ</t>
    </rPh>
    <rPh sb="13" eb="15">
      <t>イガイ</t>
    </rPh>
    <rPh sb="22" eb="24">
      <t>ホウシキ</t>
    </rPh>
    <rPh sb="25" eb="27">
      <t>ジッシ</t>
    </rPh>
    <rPh sb="29" eb="31">
      <t>バアイ</t>
    </rPh>
    <phoneticPr fontId="7"/>
  </si>
  <si>
    <t>(a)</t>
  </si>
  <si>
    <t xml:space="preserve"> (a)のうち、契約図書に環境配慮した内容を明記した件数</t>
    <rPh sb="8" eb="12">
      <t>ケイヤクトショ</t>
    </rPh>
    <rPh sb="13" eb="15">
      <t>カンキョウ</t>
    </rPh>
    <rPh sb="15" eb="17">
      <t>ハイリョ</t>
    </rPh>
    <rPh sb="19" eb="21">
      <t>ナイヨウ</t>
    </rPh>
    <rPh sb="22" eb="24">
      <t>メイキ</t>
    </rPh>
    <rPh sb="26" eb="28">
      <t>ケンスウ</t>
    </rPh>
    <phoneticPr fontId="7"/>
  </si>
  <si>
    <t>（１）契約図書における環境配慮事項の明記の状況</t>
    <rPh sb="3" eb="5">
      <t>ケイヤク</t>
    </rPh>
    <rPh sb="5" eb="7">
      <t>トショ</t>
    </rPh>
    <rPh sb="11" eb="15">
      <t>カンキョウハイリョ</t>
    </rPh>
    <rPh sb="15" eb="17">
      <t>ジコウ</t>
    </rPh>
    <rPh sb="18" eb="20">
      <t>メイキ</t>
    </rPh>
    <rPh sb="21" eb="23">
      <t>ジョウキョウ</t>
    </rPh>
    <phoneticPr fontId="7"/>
  </si>
  <si>
    <t>総合評価落札方式を実施した件数</t>
    <rPh sb="0" eb="8">
      <t>ソウゴウヒョウカラクサツホウシキ</t>
    </rPh>
    <rPh sb="9" eb="11">
      <t>ジッシ</t>
    </rPh>
    <rPh sb="13" eb="15">
      <t>ケンスウ</t>
    </rPh>
    <phoneticPr fontId="7"/>
  </si>
  <si>
    <t>(d)</t>
    <phoneticPr fontId="7"/>
  </si>
  <si>
    <t xml:space="preserve"> (c)のうち、温室効果ガス等の排出の削減に配慮する内容を含む提案を求めた件数</t>
    <rPh sb="8" eb="10">
      <t>オンシツ</t>
    </rPh>
    <rPh sb="10" eb="12">
      <t>コウカ</t>
    </rPh>
    <rPh sb="14" eb="15">
      <t>トウ</t>
    </rPh>
    <rPh sb="16" eb="18">
      <t>ハイシュツ</t>
    </rPh>
    <rPh sb="19" eb="21">
      <t>サクゲン</t>
    </rPh>
    <rPh sb="22" eb="24">
      <t>ハイリョ</t>
    </rPh>
    <rPh sb="26" eb="28">
      <t>ナイヨウ</t>
    </rPh>
    <rPh sb="29" eb="30">
      <t>フク</t>
    </rPh>
    <rPh sb="31" eb="33">
      <t>テイアン</t>
    </rPh>
    <rPh sb="34" eb="35">
      <t>モト</t>
    </rPh>
    <rPh sb="37" eb="39">
      <t>ケンスウ</t>
    </rPh>
    <phoneticPr fontId="7"/>
  </si>
  <si>
    <t>（２）契約図書に環境に配慮した内容を明記しなかった場合、その理由</t>
    <rPh sb="3" eb="7">
      <t>ケイヤクトショ</t>
    </rPh>
    <rPh sb="8" eb="10">
      <t>カンキョウ</t>
    </rPh>
    <rPh sb="11" eb="13">
      <t>ハイリョ</t>
    </rPh>
    <rPh sb="15" eb="17">
      <t>ナイヨウ</t>
    </rPh>
    <rPh sb="18" eb="20">
      <t>メイキ</t>
    </rPh>
    <rPh sb="25" eb="27">
      <t>バアイ</t>
    </rPh>
    <rPh sb="30" eb="32">
      <t>リユウ</t>
    </rPh>
    <phoneticPr fontId="7"/>
  </si>
  <si>
    <t>（３）総合評価落札方式の実施状況について</t>
    <rPh sb="3" eb="11">
      <t>ソウゴウヒョウカラクサツホウシキ</t>
    </rPh>
    <rPh sb="12" eb="16">
      <t>ジッシジョウキョウ</t>
    </rPh>
    <phoneticPr fontId="7"/>
  </si>
  <si>
    <t>ア）</t>
  </si>
  <si>
    <t>　合　　計</t>
    <rPh sb="1" eb="2">
      <t>ゴウ</t>
    </rPh>
    <rPh sb="4" eb="5">
      <t>ケイ</t>
    </rPh>
    <phoneticPr fontId="7"/>
  </si>
  <si>
    <t>※件数の合計が（a）-（b）の値と一致しているか確認してください。</t>
    <phoneticPr fontId="7"/>
  </si>
  <si>
    <t>特殊な契約内容のため、温室効果ガス等の排出の削減以外の性能を優先せざるを得なかった</t>
    <rPh sb="3" eb="7">
      <t>ケイヤクナイヨウ</t>
    </rPh>
    <rPh sb="27" eb="29">
      <t>セイノウ</t>
    </rPh>
    <rPh sb="30" eb="32">
      <t>ユウセン</t>
    </rPh>
    <rPh sb="36" eb="37">
      <t>エ</t>
    </rPh>
    <phoneticPr fontId="7"/>
  </si>
  <si>
    <t>提案として求めなかった場合、その事情</t>
    <rPh sb="0" eb="2">
      <t>テイアン</t>
    </rPh>
    <rPh sb="5" eb="6">
      <t>モト</t>
    </rPh>
    <rPh sb="11" eb="13">
      <t>バアイ</t>
    </rPh>
    <rPh sb="16" eb="18">
      <t>ジジョウ</t>
    </rPh>
    <phoneticPr fontId="7"/>
  </si>
  <si>
    <t>建築物の維持管理に係る契約の実績（契約図書の状況、総合評価落札方式の状況）</t>
    <rPh sb="0" eb="3">
      <t>ケンチクブツ</t>
    </rPh>
    <rPh sb="4" eb="6">
      <t>イジ</t>
    </rPh>
    <rPh sb="6" eb="8">
      <t>カンリ</t>
    </rPh>
    <rPh sb="9" eb="10">
      <t>カカ</t>
    </rPh>
    <rPh sb="11" eb="13">
      <t>ケイヤク</t>
    </rPh>
    <rPh sb="14" eb="16">
      <t>ジッセキ</t>
    </rPh>
    <rPh sb="17" eb="21">
      <t>ケイヤクトショ</t>
    </rPh>
    <rPh sb="22" eb="24">
      <t>ジョウキョウ</t>
    </rPh>
    <rPh sb="25" eb="33">
      <t>ソウゴウヒョウカラクサツホウシキ</t>
    </rPh>
    <rPh sb="34" eb="36">
      <t>ジョウキョウ</t>
    </rPh>
    <phoneticPr fontId="7"/>
  </si>
  <si>
    <t>施設住所
（市区町村以降）</t>
    <rPh sb="0" eb="2">
      <t>シセツ</t>
    </rPh>
    <rPh sb="2" eb="4">
      <t>ジュウショ</t>
    </rPh>
    <rPh sb="6" eb="10">
      <t>シクチョウソン</t>
    </rPh>
    <rPh sb="10" eb="12">
      <t>イコウ</t>
    </rPh>
    <phoneticPr fontId="7"/>
  </si>
  <si>
    <t>○○○○のため</t>
  </si>
  <si>
    <t>千代田区霞ヶ関＊-＊-＊</t>
    <rPh sb="0" eb="4">
      <t>チヨダク</t>
    </rPh>
    <rPh sb="4" eb="7">
      <t>カスミガセキ</t>
    </rPh>
    <phoneticPr fontId="7"/>
  </si>
  <si>
    <t>千葉市中央区○○＊-＊-＊</t>
    <rPh sb="0" eb="3">
      <t>チバシ</t>
    </rPh>
    <rPh sb="3" eb="6">
      <t>チュウオウク</t>
    </rPh>
    <phoneticPr fontId="7"/>
  </si>
  <si>
    <t>さいたま市浦和区○○＊-＊-＊</t>
    <rPh sb="4" eb="5">
      <t>シ</t>
    </rPh>
    <rPh sb="5" eb="8">
      <t>ウラワク</t>
    </rPh>
    <phoneticPr fontId="7"/>
  </si>
  <si>
    <t>川崎市宮前区○○＊-＊-＊</t>
    <rPh sb="0" eb="3">
      <t>カワサキシ</t>
    </rPh>
    <rPh sb="3" eb="6">
      <t>ミヤマエク</t>
    </rPh>
    <phoneticPr fontId="7"/>
  </si>
  <si>
    <t>前橋市○○＊-＊-＊</t>
    <rPh sb="0" eb="2">
      <t>マエバシ</t>
    </rPh>
    <rPh sb="2" eb="3">
      <t>シ</t>
    </rPh>
    <phoneticPr fontId="7"/>
  </si>
  <si>
    <t>他機関施設に入居し、主たる契約に準じなければならないため</t>
    <rPh sb="10" eb="11">
      <t>シュ</t>
    </rPh>
    <rPh sb="13" eb="15">
      <t>ケイヤク</t>
    </rPh>
    <rPh sb="16" eb="17">
      <t>ジュン</t>
    </rPh>
    <phoneticPr fontId="7"/>
  </si>
  <si>
    <t>緊急的・臨時的な契約のため</t>
    <rPh sb="0" eb="3">
      <t>キンキュウテキ</t>
    </rPh>
    <rPh sb="4" eb="7">
      <t>リンジテキ</t>
    </rPh>
    <rPh sb="8" eb="10">
      <t>ケイヤク</t>
    </rPh>
    <phoneticPr fontId="7"/>
  </si>
  <si>
    <t>総合評価落札方式の実施に当たって温室効果ガス等の排出の削減に配慮する内容を</t>
    <rPh sb="0" eb="8">
      <t>ソウゴウヒョウカラクサツホウシキ</t>
    </rPh>
    <rPh sb="9" eb="11">
      <t>ジッシ</t>
    </rPh>
    <rPh sb="12" eb="13">
      <t>ア</t>
    </rPh>
    <rPh sb="16" eb="18">
      <t>オンシツ</t>
    </rPh>
    <rPh sb="18" eb="20">
      <t>コウカ</t>
    </rPh>
    <rPh sb="22" eb="23">
      <t>トウ</t>
    </rPh>
    <rPh sb="24" eb="26">
      <t>ハイシュツ</t>
    </rPh>
    <rPh sb="27" eb="29">
      <t>サクゲン</t>
    </rPh>
    <rPh sb="30" eb="32">
      <t>ハイリョ</t>
    </rPh>
    <rPh sb="34" eb="36">
      <t>ナイヨウ</t>
    </rPh>
    <phoneticPr fontId="7"/>
  </si>
  <si>
    <t>コスモエネルギーソリューションズ株式会社</t>
  </si>
  <si>
    <t>須賀川瓦斯株式会社</t>
  </si>
  <si>
    <t>中部電力ミライズ株式会社</t>
    <phoneticPr fontId="7"/>
  </si>
  <si>
    <t>仕様における
再エネ割合の下限</t>
    <rPh sb="0" eb="2">
      <t>シヨウ</t>
    </rPh>
    <rPh sb="7" eb="8">
      <t>サイ</t>
    </rPh>
    <rPh sb="10" eb="12">
      <t>ワリアイ</t>
    </rPh>
    <rPh sb="13" eb="15">
      <t>カゲン</t>
    </rPh>
    <phoneticPr fontId="7"/>
  </si>
  <si>
    <t>地域における持続的な再エネ創出</t>
    <rPh sb="0" eb="2">
      <t>チイキ</t>
    </rPh>
    <rPh sb="6" eb="9">
      <t>ジゾクテキ</t>
    </rPh>
    <rPh sb="10" eb="11">
      <t>サイ</t>
    </rPh>
    <rPh sb="13" eb="15">
      <t>ソウシュツ</t>
    </rPh>
    <phoneticPr fontId="7"/>
  </si>
  <si>
    <t>その他の内容
（具体的に記入）</t>
    <rPh sb="2" eb="3">
      <t>タ</t>
    </rPh>
    <rPh sb="4" eb="6">
      <t>ナイヨウ</t>
    </rPh>
    <rPh sb="8" eb="10">
      <t>グタイ</t>
    </rPh>
    <rPh sb="10" eb="11">
      <t>テキ</t>
    </rPh>
    <rPh sb="12" eb="14">
      <t>キニュウ</t>
    </rPh>
    <phoneticPr fontId="7"/>
  </si>
  <si>
    <t>様式４－１Ａ</t>
    <rPh sb="0" eb="2">
      <t>ヨウシキ</t>
    </rPh>
    <phoneticPr fontId="7"/>
  </si>
  <si>
    <t>様式４－１Ｂ</t>
    <rPh sb="0" eb="2">
      <t>ヨウシキ</t>
    </rPh>
    <phoneticPr fontId="7"/>
  </si>
  <si>
    <t>様式４－２Ａ</t>
    <rPh sb="0" eb="2">
      <t>ヨウシキ</t>
    </rPh>
    <phoneticPr fontId="7"/>
  </si>
  <si>
    <t>様式４ー２Ｂ</t>
    <rPh sb="0" eb="2">
      <t>ヨウシキ</t>
    </rPh>
    <phoneticPr fontId="7"/>
  </si>
  <si>
    <t>既存建築物の改修時に当たっては、改修による省エネルギー効果等を踏まえ、必要に応じ、ＺＥＢ化を見据えた中長期的な改修計画を検討するものとする。</t>
    <rPh sb="0" eb="5">
      <t>キソンケンチクブツ</t>
    </rPh>
    <rPh sb="6" eb="9">
      <t>カイシュウジ</t>
    </rPh>
    <rPh sb="10" eb="11">
      <t>ア</t>
    </rPh>
    <rPh sb="16" eb="18">
      <t>カイシュウ</t>
    </rPh>
    <rPh sb="21" eb="22">
      <t>ショウ</t>
    </rPh>
    <rPh sb="27" eb="29">
      <t>コウカ</t>
    </rPh>
    <rPh sb="29" eb="30">
      <t>トウ</t>
    </rPh>
    <rPh sb="31" eb="32">
      <t>フ</t>
    </rPh>
    <rPh sb="35" eb="37">
      <t>ヒツヨウ</t>
    </rPh>
    <rPh sb="38" eb="39">
      <t>オウ</t>
    </rPh>
    <rPh sb="44" eb="45">
      <t>カ</t>
    </rPh>
    <rPh sb="46" eb="48">
      <t>ミス</t>
    </rPh>
    <rPh sb="50" eb="54">
      <t>チュウチョウキテキ</t>
    </rPh>
    <rPh sb="55" eb="59">
      <t>カイシュウケイカク</t>
    </rPh>
    <rPh sb="60" eb="62">
      <t>ケントウ</t>
    </rPh>
    <phoneticPr fontId="7"/>
  </si>
  <si>
    <t>既存建築物の改修計画の概要</t>
    <rPh sb="0" eb="5">
      <t>キソンケンチクブツ</t>
    </rPh>
    <rPh sb="6" eb="8">
      <t>カイシュウ</t>
    </rPh>
    <rPh sb="8" eb="10">
      <t>ケイカク</t>
    </rPh>
    <rPh sb="11" eb="13">
      <t>ガイヨウ</t>
    </rPh>
    <phoneticPr fontId="7"/>
  </si>
  <si>
    <t>様式４－３Ｂ</t>
    <rPh sb="0" eb="2">
      <t>ヨウシキ</t>
    </rPh>
    <phoneticPr fontId="7"/>
  </si>
  <si>
    <t>様式６</t>
    <rPh sb="0" eb="2">
      <t>ヨウシキ</t>
    </rPh>
    <phoneticPr fontId="7"/>
  </si>
  <si>
    <t>様式５－３</t>
    <rPh sb="0" eb="2">
      <t>ヨウシキ</t>
    </rPh>
    <phoneticPr fontId="7"/>
  </si>
  <si>
    <t>様式５－２</t>
    <rPh sb="0" eb="2">
      <t>ヨウシキ</t>
    </rPh>
    <phoneticPr fontId="7"/>
  </si>
  <si>
    <t>様式５－１</t>
    <rPh sb="0" eb="2">
      <t>ヨウシキ</t>
    </rPh>
    <phoneticPr fontId="7"/>
  </si>
  <si>
    <t>【5-2】の自動集計につき記入不要</t>
    <phoneticPr fontId="7"/>
  </si>
  <si>
    <t>管理体制等</t>
    <rPh sb="0" eb="2">
      <t>カンリ</t>
    </rPh>
    <rPh sb="2" eb="4">
      <t>タイセイ</t>
    </rPh>
    <rPh sb="4" eb="5">
      <t>トウ</t>
    </rPh>
    <phoneticPr fontId="7"/>
  </si>
  <si>
    <t>【4-1A】建築物設計（概要）</t>
    <rPh sb="8" eb="9">
      <t>ブツ</t>
    </rPh>
    <rPh sb="9" eb="11">
      <t>セッケイ</t>
    </rPh>
    <phoneticPr fontId="7"/>
  </si>
  <si>
    <t>【4-1B】建築物設計（詳細）</t>
    <rPh sb="8" eb="9">
      <t>ブツ</t>
    </rPh>
    <rPh sb="9" eb="11">
      <t>セッケイ</t>
    </rPh>
    <rPh sb="12" eb="14">
      <t>ショウサイ</t>
    </rPh>
    <phoneticPr fontId="7"/>
  </si>
  <si>
    <t>【4-2A】建築物維持管理（概要）</t>
    <rPh sb="8" eb="9">
      <t>ブツ</t>
    </rPh>
    <rPh sb="9" eb="11">
      <t>イジ</t>
    </rPh>
    <rPh sb="11" eb="13">
      <t>カンリ</t>
    </rPh>
    <rPh sb="14" eb="16">
      <t>ガイヨウ</t>
    </rPh>
    <phoneticPr fontId="7"/>
  </si>
  <si>
    <t>【4-2B】建築物維持管理（詳細）</t>
    <rPh sb="8" eb="9">
      <t>ブツ</t>
    </rPh>
    <rPh sb="9" eb="11">
      <t>イジ</t>
    </rPh>
    <rPh sb="11" eb="13">
      <t>カンリ</t>
    </rPh>
    <rPh sb="14" eb="16">
      <t>ショウサイ</t>
    </rPh>
    <phoneticPr fontId="7"/>
  </si>
  <si>
    <t>シート[【4-2B】建築物維持管理（詳細）]の記載例及び注意事項</t>
    <rPh sb="23" eb="25">
      <t>キサイ</t>
    </rPh>
    <rPh sb="25" eb="26">
      <t>レイ</t>
    </rPh>
    <rPh sb="26" eb="27">
      <t>オヨ</t>
    </rPh>
    <rPh sb="28" eb="30">
      <t>チュウイ</t>
    </rPh>
    <rPh sb="30" eb="32">
      <t>ジコウ</t>
    </rPh>
    <phoneticPr fontId="7"/>
  </si>
  <si>
    <t>【4-3A】建築物改修（改修計画）</t>
  </si>
  <si>
    <t>【4-3A】建築物改修（改修計画）</t>
    <rPh sb="6" eb="11">
      <t>ケンチクブツカイシュウ</t>
    </rPh>
    <phoneticPr fontId="7"/>
  </si>
  <si>
    <t>【4-3B】建築物改修（ESCO検討）</t>
    <rPh sb="6" eb="11">
      <t>ケンチクブツカイシュウ</t>
    </rPh>
    <rPh sb="16" eb="18">
      <t>ケントウ</t>
    </rPh>
    <phoneticPr fontId="7"/>
  </si>
  <si>
    <t>【4-3C】建築物改修（ESCO事業）</t>
    <rPh sb="6" eb="11">
      <t>ケンチクブツカイシュウ</t>
    </rPh>
    <phoneticPr fontId="7"/>
  </si>
  <si>
    <t>【5-1】産廃（概要）</t>
    <rPh sb="5" eb="6">
      <t>サン</t>
    </rPh>
    <rPh sb="6" eb="7">
      <t>ハイ</t>
    </rPh>
    <rPh sb="8" eb="10">
      <t>ガイヨウ</t>
    </rPh>
    <phoneticPr fontId="7"/>
  </si>
  <si>
    <t>【5-2】産廃（詳細）</t>
    <rPh sb="5" eb="6">
      <t>サン</t>
    </rPh>
    <rPh sb="6" eb="7">
      <t>ハイ</t>
    </rPh>
    <rPh sb="8" eb="10">
      <t>ショウサイ</t>
    </rPh>
    <phoneticPr fontId="7"/>
  </si>
  <si>
    <t>【5-3】産廃（アンケート）</t>
    <rPh sb="5" eb="6">
      <t>サン</t>
    </rPh>
    <rPh sb="6" eb="7">
      <t>ハイ</t>
    </rPh>
    <phoneticPr fontId="7"/>
  </si>
  <si>
    <t>【6】  その他</t>
    <phoneticPr fontId="7"/>
  </si>
  <si>
    <t>５．産業廃棄物の処理に係る契約</t>
    <rPh sb="2" eb="4">
      <t>サンギョウ</t>
    </rPh>
    <rPh sb="4" eb="7">
      <t>ハイキブツ</t>
    </rPh>
    <rPh sb="8" eb="10">
      <t>ショリ</t>
    </rPh>
    <rPh sb="11" eb="12">
      <t>カカ</t>
    </rPh>
    <rPh sb="13" eb="15">
      <t>ケイヤク</t>
    </rPh>
    <phoneticPr fontId="7"/>
  </si>
  <si>
    <t>【5-1】産廃（概要）</t>
    <phoneticPr fontId="7"/>
  </si>
  <si>
    <t>【5-2】産廃（詳細）</t>
    <rPh sb="8" eb="10">
      <t>ショウサイ</t>
    </rPh>
    <phoneticPr fontId="7"/>
  </si>
  <si>
    <t>【5-3】産廃（アンケート）</t>
    <phoneticPr fontId="7"/>
  </si>
  <si>
    <t>４－１．建築物の設計に関する契約</t>
    <rPh sb="4" eb="7">
      <t>ケンチクブツ</t>
    </rPh>
    <rPh sb="8" eb="10">
      <t>セッケイ</t>
    </rPh>
    <rPh sb="11" eb="12">
      <t>カン</t>
    </rPh>
    <rPh sb="14" eb="16">
      <t>ケイヤク</t>
    </rPh>
    <phoneticPr fontId="7"/>
  </si>
  <si>
    <t>４－２．建築物の維持管理に関する契約</t>
    <rPh sb="4" eb="7">
      <t>ケンチクブツ</t>
    </rPh>
    <rPh sb="8" eb="10">
      <t>イジ</t>
    </rPh>
    <rPh sb="10" eb="12">
      <t>カンリ</t>
    </rPh>
    <rPh sb="13" eb="14">
      <t>カン</t>
    </rPh>
    <rPh sb="16" eb="18">
      <t>ケイヤク</t>
    </rPh>
    <phoneticPr fontId="7"/>
  </si>
  <si>
    <t>【4-2A】建築物維持管理（概要）</t>
    <rPh sb="8" eb="9">
      <t>ブツ</t>
    </rPh>
    <rPh sb="9" eb="13">
      <t>イジカンリ</t>
    </rPh>
    <phoneticPr fontId="7"/>
  </si>
  <si>
    <t>【4-2B】建物維持管理（詳細）</t>
    <rPh sb="13" eb="15">
      <t>ショウサイ</t>
    </rPh>
    <phoneticPr fontId="7"/>
  </si>
  <si>
    <t>４-３．建築物の改修に係る契約</t>
    <rPh sb="4" eb="7">
      <t>ケンチクブツ</t>
    </rPh>
    <rPh sb="8" eb="10">
      <t>カイシュウ</t>
    </rPh>
    <rPh sb="11" eb="12">
      <t>カカ</t>
    </rPh>
    <rPh sb="13" eb="15">
      <t>ケイヤク</t>
    </rPh>
    <phoneticPr fontId="7"/>
  </si>
  <si>
    <r>
      <rPr>
        <u/>
        <sz val="11"/>
        <color indexed="10"/>
        <rFont val="ＭＳ ゴシック"/>
        <family val="3"/>
        <charset val="128"/>
      </rPr>
      <t>施設の改修の計画がある場合、その内容を記入</t>
    </r>
    <r>
      <rPr>
        <sz val="11"/>
        <rFont val="ＭＳ ゴシック"/>
        <family val="3"/>
        <charset val="128"/>
      </rPr>
      <t>してください。</t>
    </r>
    <rPh sb="0" eb="2">
      <t>シセツ</t>
    </rPh>
    <phoneticPr fontId="7"/>
  </si>
  <si>
    <t>調達機関情報</t>
    <rPh sb="0" eb="2">
      <t>チョウタツ</t>
    </rPh>
    <rPh sb="2" eb="4">
      <t>キカン</t>
    </rPh>
    <rPh sb="4" eb="6">
      <t>ジョウホウ</t>
    </rPh>
    <phoneticPr fontId="7"/>
  </si>
  <si>
    <t>再エネ電気の調達</t>
    <rPh sb="0" eb="1">
      <t>サイ</t>
    </rPh>
    <rPh sb="3" eb="5">
      <t>デンキ</t>
    </rPh>
    <rPh sb="6" eb="8">
      <t>チョウタツ</t>
    </rPh>
    <phoneticPr fontId="7"/>
  </si>
  <si>
    <t>調達仕様</t>
    <rPh sb="0" eb="2">
      <t>チョウタツ</t>
    </rPh>
    <rPh sb="2" eb="4">
      <t>シヨウ</t>
    </rPh>
    <phoneticPr fontId="7"/>
  </si>
  <si>
    <t>入札参加者が不足する懸念の有無</t>
    <rPh sb="0" eb="5">
      <t>ニュウサツサンカシャ</t>
    </rPh>
    <rPh sb="6" eb="8">
      <t>フソク</t>
    </rPh>
    <rPh sb="10" eb="12">
      <t>ケネン</t>
    </rPh>
    <rPh sb="13" eb="15">
      <t>ウム</t>
    </rPh>
    <phoneticPr fontId="7"/>
  </si>
  <si>
    <t>その他の理由があれば記入</t>
    <rPh sb="2" eb="3">
      <t>タ</t>
    </rPh>
    <rPh sb="4" eb="6">
      <t>リユウ</t>
    </rPh>
    <rPh sb="10" eb="12">
      <t>キニュウ</t>
    </rPh>
    <phoneticPr fontId="7"/>
  </si>
  <si>
    <t>ＲＥ１００電力株式会社</t>
  </si>
  <si>
    <t>シナネン株式会社</t>
  </si>
  <si>
    <t>株式会社エフオン</t>
  </si>
  <si>
    <t xml:space="preserve">今後の見通し
</t>
    <rPh sb="0" eb="2">
      <t>コンゴ</t>
    </rPh>
    <rPh sb="3" eb="5">
      <t>ミトオ</t>
    </rPh>
    <phoneticPr fontId="7"/>
  </si>
  <si>
    <r>
      <t xml:space="preserve">裾切り方式未実施の理由
</t>
    </r>
    <r>
      <rPr>
        <sz val="14"/>
        <color rgb="FFFF0000"/>
        <rFont val="ＭＳ Ｐゴシック"/>
        <family val="3"/>
        <charset val="128"/>
      </rPr>
      <t>（複数回答可）</t>
    </r>
    <rPh sb="13" eb="17">
      <t>フクスウカイトウ</t>
    </rPh>
    <rPh sb="17" eb="18">
      <t>カ</t>
    </rPh>
    <phoneticPr fontId="7"/>
  </si>
  <si>
    <t>大手電力会社の指名停止等の影響</t>
    <rPh sb="0" eb="6">
      <t>オオテデンリョクガイシャ</t>
    </rPh>
    <rPh sb="7" eb="11">
      <t>シメイテイシ</t>
    </rPh>
    <rPh sb="11" eb="12">
      <t>トウ</t>
    </rPh>
    <rPh sb="13" eb="15">
      <t>エイキョウ</t>
    </rPh>
    <phoneticPr fontId="7"/>
  </si>
  <si>
    <t>様式１－４</t>
    <rPh sb="0" eb="2">
      <t>ヨウシキ</t>
    </rPh>
    <phoneticPr fontId="7"/>
  </si>
  <si>
    <t>回答</t>
    <rPh sb="0" eb="2">
      <t>カイトウ</t>
    </rPh>
    <phoneticPr fontId="7"/>
  </si>
  <si>
    <t>電気の供給を受ける契約に関するアンケート</t>
    <rPh sb="0" eb="2">
      <t>デンキ</t>
    </rPh>
    <rPh sb="3" eb="5">
      <t>キョウキュウ</t>
    </rPh>
    <rPh sb="6" eb="7">
      <t>ウ</t>
    </rPh>
    <rPh sb="12" eb="13">
      <t>カン</t>
    </rPh>
    <phoneticPr fontId="7"/>
  </si>
  <si>
    <t>こども家庭庁</t>
    <rPh sb="3" eb="6">
      <t>カテイチョウ</t>
    </rPh>
    <phoneticPr fontId="7"/>
  </si>
  <si>
    <t>エ）</t>
    <phoneticPr fontId="7"/>
  </si>
  <si>
    <t>オ）</t>
    <phoneticPr fontId="7"/>
  </si>
  <si>
    <t>エネルギー消費の合理化等に関する支援業務を別途契約している</t>
    <rPh sb="5" eb="7">
      <t>ショウヒ</t>
    </rPh>
    <rPh sb="8" eb="11">
      <t>ゴウリカ</t>
    </rPh>
    <rPh sb="11" eb="12">
      <t>トウ</t>
    </rPh>
    <rPh sb="13" eb="14">
      <t>カン</t>
    </rPh>
    <rPh sb="16" eb="20">
      <t>シエンギョウム</t>
    </rPh>
    <rPh sb="21" eb="23">
      <t>ベット</t>
    </rPh>
    <rPh sb="23" eb="25">
      <t>ケイヤク</t>
    </rPh>
    <phoneticPr fontId="7"/>
  </si>
  <si>
    <t>条件を厳しくすると入札参加者が確保されない恐れがあるため</t>
    <rPh sb="0" eb="2">
      <t>ジョウケン</t>
    </rPh>
    <rPh sb="3" eb="4">
      <t>キビ</t>
    </rPh>
    <rPh sb="9" eb="11">
      <t>ニュウサツ</t>
    </rPh>
    <rPh sb="11" eb="14">
      <t>サンカシャ</t>
    </rPh>
    <rPh sb="15" eb="17">
      <t>カクホ</t>
    </rPh>
    <rPh sb="21" eb="22">
      <t>オソ</t>
    </rPh>
    <phoneticPr fontId="7"/>
  </si>
  <si>
    <t>少額の契約であるため</t>
    <rPh sb="0" eb="2">
      <t>ショウガク</t>
    </rPh>
    <rPh sb="3" eb="5">
      <t>ケイヤク</t>
    </rPh>
    <phoneticPr fontId="7"/>
  </si>
  <si>
    <t>長期契約終了後に検討又は実施予定</t>
  </si>
  <si>
    <t>様式４－３Ｃ</t>
    <rPh sb="0" eb="2">
      <t>ヨウシキ</t>
    </rPh>
    <phoneticPr fontId="7"/>
  </si>
  <si>
    <t>様式４－３Ｄ</t>
    <rPh sb="0" eb="2">
      <t>ヨウシキ</t>
    </rPh>
    <phoneticPr fontId="7"/>
  </si>
  <si>
    <t>㎡</t>
  </si>
  <si>
    <t>契約方式</t>
    <rPh sb="0" eb="4">
      <t>ケイヤクホウシキ</t>
    </rPh>
    <phoneticPr fontId="7"/>
  </si>
  <si>
    <t>入札参加者数</t>
    <rPh sb="0" eb="4">
      <t>ニュウサツサンカ</t>
    </rPh>
    <rPh sb="5" eb="6">
      <t>スウ</t>
    </rPh>
    <phoneticPr fontId="7"/>
  </si>
  <si>
    <t>者</t>
    <rPh sb="0" eb="1">
      <t>モノ</t>
    </rPh>
    <phoneticPr fontId="7"/>
  </si>
  <si>
    <t>パッシブ技術</t>
    <rPh sb="4" eb="6">
      <t>ギジュツ</t>
    </rPh>
    <phoneticPr fontId="7"/>
  </si>
  <si>
    <t>日射遮蔽</t>
    <rPh sb="0" eb="4">
      <t>ニッシャシャヘイ</t>
    </rPh>
    <phoneticPr fontId="7"/>
  </si>
  <si>
    <t>アクティブ技術</t>
    <rPh sb="5" eb="7">
      <t>ギジュツ</t>
    </rPh>
    <phoneticPr fontId="7"/>
  </si>
  <si>
    <t>全熱交換機</t>
    <rPh sb="0" eb="2">
      <t>ゼンネツ</t>
    </rPh>
    <rPh sb="2" eb="5">
      <t>コウカンキ</t>
    </rPh>
    <phoneticPr fontId="7"/>
  </si>
  <si>
    <t>LED照明器具</t>
    <rPh sb="3" eb="7">
      <t>ショウメイキグ</t>
    </rPh>
    <phoneticPr fontId="7"/>
  </si>
  <si>
    <t>照明</t>
    <rPh sb="0" eb="2">
      <t>ショウメイ</t>
    </rPh>
    <phoneticPr fontId="7"/>
  </si>
  <si>
    <t>蓄電池</t>
    <rPh sb="0" eb="3">
      <t>チクデンチ</t>
    </rPh>
    <phoneticPr fontId="7"/>
  </si>
  <si>
    <t>BEMS</t>
    <phoneticPr fontId="7"/>
  </si>
  <si>
    <t>仕様書等の契約図書に
記載した温室効果ガス等
排出の削減に配慮した
具体的内容</t>
    <rPh sb="0" eb="3">
      <t>シヨウショ</t>
    </rPh>
    <rPh sb="3" eb="4">
      <t>トウ</t>
    </rPh>
    <rPh sb="5" eb="7">
      <t>ケイヤク</t>
    </rPh>
    <rPh sb="7" eb="9">
      <t>トショ</t>
    </rPh>
    <rPh sb="11" eb="13">
      <t>キサイ</t>
    </rPh>
    <rPh sb="15" eb="17">
      <t>オンシツ</t>
    </rPh>
    <rPh sb="17" eb="19">
      <t>コウカ</t>
    </rPh>
    <rPh sb="21" eb="22">
      <t>トウ</t>
    </rPh>
    <rPh sb="23" eb="25">
      <t>ハイシュツ</t>
    </rPh>
    <rPh sb="26" eb="28">
      <t>サクゲン</t>
    </rPh>
    <rPh sb="29" eb="31">
      <t>ハイリョ</t>
    </rPh>
    <rPh sb="34" eb="37">
      <t>グタイテキ</t>
    </rPh>
    <rPh sb="37" eb="39">
      <t>ナイヨウ</t>
    </rPh>
    <phoneticPr fontId="7"/>
  </si>
  <si>
    <t>インセンティブ契約やパフォーマンス契約等の特別な契約の有無</t>
    <rPh sb="7" eb="9">
      <t>ケイヤク</t>
    </rPh>
    <rPh sb="17" eb="19">
      <t>ケイヤク</t>
    </rPh>
    <rPh sb="19" eb="20">
      <t>トウ</t>
    </rPh>
    <rPh sb="21" eb="23">
      <t>トクベツ</t>
    </rPh>
    <rPh sb="24" eb="26">
      <t>ケイヤク</t>
    </rPh>
    <rPh sb="27" eb="29">
      <t>ウム</t>
    </rPh>
    <phoneticPr fontId="7"/>
  </si>
  <si>
    <r>
      <t>搬送設備</t>
    </r>
    <r>
      <rPr>
        <sz val="8"/>
        <rFont val="ＭＳ Ｐゴシック"/>
        <family val="3"/>
        <charset val="128"/>
      </rPr>
      <t>（エレベータ等）</t>
    </r>
    <r>
      <rPr>
        <sz val="11"/>
        <rFont val="ＭＳ Ｐゴシック"/>
        <family val="3"/>
        <charset val="128"/>
      </rPr>
      <t>保守管理業務</t>
    </r>
    <rPh sb="0" eb="2">
      <t>ハンソウ</t>
    </rPh>
    <rPh sb="2" eb="4">
      <t>セツビ</t>
    </rPh>
    <rPh sb="10" eb="11">
      <t>トウ</t>
    </rPh>
    <rPh sb="12" eb="14">
      <t>ホシュ</t>
    </rPh>
    <phoneticPr fontId="7"/>
  </si>
  <si>
    <t>加点項目に設定した
具体的内容</t>
    <rPh sb="0" eb="2">
      <t>カテン</t>
    </rPh>
    <rPh sb="2" eb="4">
      <t>コウモク</t>
    </rPh>
    <rPh sb="5" eb="7">
      <t>セッテイ</t>
    </rPh>
    <rPh sb="10" eb="13">
      <t>グタイテキ</t>
    </rPh>
    <rPh sb="13" eb="15">
      <t>ナイヨウ</t>
    </rPh>
    <phoneticPr fontId="7"/>
  </si>
  <si>
    <t>環境配慮契約の実施状況 ⇒</t>
    <rPh sb="0" eb="6">
      <t>カンキョウハイリョケイヤク</t>
    </rPh>
    <rPh sb="7" eb="9">
      <t>ジッシ</t>
    </rPh>
    <rPh sb="9" eb="11">
      <t>ジョウキョウ</t>
    </rPh>
    <phoneticPr fontId="7"/>
  </si>
  <si>
    <t>環境配慮契約
未実施の場合</t>
    <rPh sb="0" eb="6">
      <t>カンキョウハイリョケイヤク</t>
    </rPh>
    <rPh sb="7" eb="10">
      <t>ミジッシ</t>
    </rPh>
    <rPh sb="11" eb="13">
      <t>バアイ</t>
    </rPh>
    <phoneticPr fontId="7"/>
  </si>
  <si>
    <t>環境配慮契約
実施済の場合</t>
    <rPh sb="0" eb="6">
      <t>カンキョウハイリョケイヤク</t>
    </rPh>
    <rPh sb="7" eb="10">
      <t>ジッシズ</t>
    </rPh>
    <rPh sb="11" eb="13">
      <t>バアイ</t>
    </rPh>
    <phoneticPr fontId="7"/>
  </si>
  <si>
    <t>未実施の理由</t>
    <rPh sb="0" eb="3">
      <t>ミジッシ</t>
    </rPh>
    <rPh sb="4" eb="6">
      <t>リユウ</t>
    </rPh>
    <phoneticPr fontId="7"/>
  </si>
  <si>
    <t>応札可能業者が少数であり、十分な競争性を確保できない</t>
    <phoneticPr fontId="7"/>
  </si>
  <si>
    <t>環境配慮契約の実施に向けて準備中である</t>
    <rPh sb="0" eb="6">
      <t>カンキョウハイリョケイヤク</t>
    </rPh>
    <rPh sb="7" eb="9">
      <t>ジッシ</t>
    </rPh>
    <rPh sb="10" eb="11">
      <t>ム</t>
    </rPh>
    <rPh sb="13" eb="15">
      <t>ジュンビ</t>
    </rPh>
    <rPh sb="15" eb="16">
      <t>チュウ</t>
    </rPh>
    <phoneticPr fontId="7"/>
  </si>
  <si>
    <t>少額随契又は特別な理由による随契</t>
    <rPh sb="0" eb="2">
      <t>ショウガク</t>
    </rPh>
    <rPh sb="2" eb="4">
      <t>ズイケイ</t>
    </rPh>
    <rPh sb="4" eb="5">
      <t>マタ</t>
    </rPh>
    <rPh sb="6" eb="8">
      <t>トクベツ</t>
    </rPh>
    <rPh sb="9" eb="11">
      <t>リユウ</t>
    </rPh>
    <rPh sb="14" eb="16">
      <t>ズイケイ</t>
    </rPh>
    <phoneticPr fontId="7"/>
  </si>
  <si>
    <t>エコチューニング等を活用し、データの計測・分析及び
分析結果を反映した運用改善を実施事業者に求めた場合 ⇒</t>
    <rPh sb="8" eb="9">
      <t>トウ</t>
    </rPh>
    <rPh sb="10" eb="12">
      <t>カツヨウ</t>
    </rPh>
    <rPh sb="18" eb="20">
      <t>ケイソク</t>
    </rPh>
    <rPh sb="21" eb="23">
      <t>ブンセキ</t>
    </rPh>
    <rPh sb="23" eb="24">
      <t>オヨ</t>
    </rPh>
    <rPh sb="26" eb="30">
      <t>ブンセキケッカ</t>
    </rPh>
    <rPh sb="31" eb="33">
      <t>ハンエイ</t>
    </rPh>
    <rPh sb="35" eb="39">
      <t>ウンヨウカイゼン</t>
    </rPh>
    <rPh sb="40" eb="45">
      <t>ジッシジギョウシャ</t>
    </rPh>
    <rPh sb="46" eb="47">
      <t>モト</t>
    </rPh>
    <rPh sb="49" eb="51">
      <t>バアイ</t>
    </rPh>
    <phoneticPr fontId="7"/>
  </si>
  <si>
    <t>フィージビリティ・スタディの実績</t>
    <rPh sb="14" eb="16">
      <t>ジッセキ</t>
    </rPh>
    <phoneticPr fontId="7"/>
  </si>
  <si>
    <t xml:space="preserve">主要設備等の更新、改修計画 </t>
    <phoneticPr fontId="7"/>
  </si>
  <si>
    <t>【1-4】電気（アンケート）</t>
    <rPh sb="5" eb="7">
      <t>デンキ</t>
    </rPh>
    <phoneticPr fontId="7"/>
  </si>
  <si>
    <t>一般事務庁舎</t>
  </si>
  <si>
    <t>　※ESCO事業の実績がない場合は右欄の「実績なし」を選択⇒</t>
    <rPh sb="6" eb="8">
      <t>ジギョウ</t>
    </rPh>
    <rPh sb="9" eb="11">
      <t>ジッセキ</t>
    </rPh>
    <rPh sb="14" eb="16">
      <t>バアイ</t>
    </rPh>
    <rPh sb="17" eb="18">
      <t>ミギ</t>
    </rPh>
    <rPh sb="18" eb="19">
      <t>ラン</t>
    </rPh>
    <rPh sb="21" eb="23">
      <t>ジッセキ</t>
    </rPh>
    <rPh sb="27" eb="29">
      <t>センタク</t>
    </rPh>
    <phoneticPr fontId="7"/>
  </si>
  <si>
    <t>ウ）</t>
    <phoneticPr fontId="7"/>
  </si>
  <si>
    <t>上記ウ）のその他の具体的な理由</t>
    <rPh sb="0" eb="2">
      <t>ジョウキ</t>
    </rPh>
    <rPh sb="7" eb="8">
      <t>タ</t>
    </rPh>
    <rPh sb="9" eb="11">
      <t>グタイ</t>
    </rPh>
    <rPh sb="11" eb="12">
      <t>テキ</t>
    </rPh>
    <rPh sb="13" eb="15">
      <t>リユウ</t>
    </rPh>
    <phoneticPr fontId="7"/>
  </si>
  <si>
    <t>様式４－３Ｅ</t>
    <rPh sb="0" eb="2">
      <t>ヨウシキ</t>
    </rPh>
    <phoneticPr fontId="7"/>
  </si>
  <si>
    <t>階</t>
    <rPh sb="0" eb="1">
      <t>カイ</t>
    </rPh>
    <phoneticPr fontId="107"/>
  </si>
  <si>
    <t>外皮断熱（屋根、外壁、床等）</t>
    <rPh sb="0" eb="4">
      <t>ガイヒダンネツ</t>
    </rPh>
    <rPh sb="5" eb="7">
      <t>ヤネ</t>
    </rPh>
    <rPh sb="8" eb="10">
      <t>ガイヘキ</t>
    </rPh>
    <rPh sb="11" eb="13">
      <t>ユカトウ</t>
    </rPh>
    <phoneticPr fontId="7"/>
  </si>
  <si>
    <t>自然彩光</t>
    <rPh sb="0" eb="4">
      <t>シゼンサイコウ</t>
    </rPh>
    <phoneticPr fontId="7"/>
  </si>
  <si>
    <t>自然通風・自然換気</t>
    <rPh sb="0" eb="4">
      <t>シゼンツウフウ</t>
    </rPh>
    <rPh sb="5" eb="7">
      <t>シゼン</t>
    </rPh>
    <rPh sb="7" eb="9">
      <t>カンキ</t>
    </rPh>
    <phoneticPr fontId="7"/>
  </si>
  <si>
    <t>高反射率塗料、遮熱塗料</t>
    <rPh sb="0" eb="1">
      <t>タカ</t>
    </rPh>
    <rPh sb="1" eb="3">
      <t>ハンシャ</t>
    </rPh>
    <rPh sb="3" eb="4">
      <t>リツ</t>
    </rPh>
    <rPh sb="4" eb="6">
      <t>トリョウ</t>
    </rPh>
    <rPh sb="7" eb="11">
      <t>シャネツトリョウ</t>
    </rPh>
    <phoneticPr fontId="7"/>
  </si>
  <si>
    <t>熱源・空調</t>
    <rPh sb="0" eb="2">
      <t>ネツゲン</t>
    </rPh>
    <rPh sb="3" eb="5">
      <t>クウチョウ</t>
    </rPh>
    <phoneticPr fontId="7"/>
  </si>
  <si>
    <t>照明制御システム</t>
    <rPh sb="0" eb="4">
      <t>ショウメイセイギョ</t>
    </rPh>
    <phoneticPr fontId="7"/>
  </si>
  <si>
    <t>受変電・発電</t>
    <rPh sb="0" eb="3">
      <t>ジュヘンデン</t>
    </rPh>
    <rPh sb="4" eb="6">
      <t>ハツデン</t>
    </rPh>
    <phoneticPr fontId="7"/>
  </si>
  <si>
    <t>コジェネレーション設備</t>
    <rPh sb="9" eb="11">
      <t>セツビ</t>
    </rPh>
    <phoneticPr fontId="7"/>
  </si>
  <si>
    <t>エネルギー管理</t>
    <rPh sb="5" eb="7">
      <t>カンリ</t>
    </rPh>
    <phoneticPr fontId="7"/>
  </si>
  <si>
    <t>デマンド監視（電力監視）</t>
    <rPh sb="4" eb="6">
      <t>カンシ</t>
    </rPh>
    <rPh sb="7" eb="9">
      <t>デンリョク</t>
    </rPh>
    <rPh sb="9" eb="11">
      <t>カンシ</t>
    </rPh>
    <phoneticPr fontId="7"/>
  </si>
  <si>
    <t>その他</t>
    <rPh sb="2" eb="3">
      <t>タ</t>
    </rPh>
    <phoneticPr fontId="107"/>
  </si>
  <si>
    <t>再エネの導入（創エネ技術）</t>
    <rPh sb="0" eb="1">
      <t>サイ</t>
    </rPh>
    <rPh sb="4" eb="6">
      <t>ドウニュウ</t>
    </rPh>
    <rPh sb="7" eb="8">
      <t>ソウ</t>
    </rPh>
    <rPh sb="10" eb="12">
      <t>ギジュツ</t>
    </rPh>
    <phoneticPr fontId="7"/>
  </si>
  <si>
    <t>太陽光発電</t>
    <rPh sb="0" eb="5">
      <t>タイヨウコウハツデン</t>
    </rPh>
    <phoneticPr fontId="7"/>
  </si>
  <si>
    <t>風力発電</t>
    <rPh sb="0" eb="4">
      <t>フウリョクハツデン</t>
    </rPh>
    <phoneticPr fontId="7"/>
  </si>
  <si>
    <t>太陽熱利用</t>
    <rPh sb="0" eb="5">
      <t>タイヨウネツリヨウ</t>
    </rPh>
    <phoneticPr fontId="7"/>
  </si>
  <si>
    <t>建物緑化（屋上、壁面等）</t>
    <rPh sb="0" eb="4">
      <t>タテモノリョクカ</t>
    </rPh>
    <rPh sb="5" eb="7">
      <t>オクジョウ</t>
    </rPh>
    <rPh sb="8" eb="11">
      <t>ヘキメントウ</t>
    </rPh>
    <phoneticPr fontId="7"/>
  </si>
  <si>
    <t>保水性、遮熱性舗装等</t>
    <rPh sb="0" eb="3">
      <t>ホスイセイ</t>
    </rPh>
    <rPh sb="4" eb="7">
      <t>シャネツセイ</t>
    </rPh>
    <rPh sb="7" eb="10">
      <t>ホソウトウ</t>
    </rPh>
    <phoneticPr fontId="107"/>
  </si>
  <si>
    <t>ＺＥＢ化に向けた
取組・計画</t>
    <rPh sb="3" eb="4">
      <t>カ</t>
    </rPh>
    <rPh sb="5" eb="6">
      <t>ム</t>
    </rPh>
    <rPh sb="9" eb="11">
      <t>トリクミ</t>
    </rPh>
    <rPh sb="12" eb="14">
      <t>ケイカク</t>
    </rPh>
    <phoneticPr fontId="7"/>
  </si>
  <si>
    <t>ZEB化の取組・計画の実施の有無</t>
    <rPh sb="3" eb="4">
      <t>カ</t>
    </rPh>
    <rPh sb="5" eb="7">
      <t>トリクミ</t>
    </rPh>
    <rPh sb="8" eb="10">
      <t>ケイカク</t>
    </rPh>
    <rPh sb="11" eb="13">
      <t>ジッシ</t>
    </rPh>
    <rPh sb="14" eb="16">
      <t>ウム</t>
    </rPh>
    <phoneticPr fontId="7"/>
  </si>
  <si>
    <t>（上記①～③の場合）ZEBの段階</t>
    <rPh sb="1" eb="3">
      <t>ジョウキ</t>
    </rPh>
    <rPh sb="7" eb="9">
      <t>バアイ</t>
    </rPh>
    <rPh sb="14" eb="16">
      <t>ダンカイ</t>
    </rPh>
    <phoneticPr fontId="7"/>
  </si>
  <si>
    <t>様式４－３Ａ</t>
    <rPh sb="0" eb="2">
      <t>ヨウシキ</t>
    </rPh>
    <phoneticPr fontId="7"/>
  </si>
  <si>
    <t>　※その他の省エネ改修事業の実績がない場合の右欄に「実績なし」を選択⇒</t>
    <rPh sb="4" eb="5">
      <t>タ</t>
    </rPh>
    <rPh sb="6" eb="7">
      <t>ショウ</t>
    </rPh>
    <rPh sb="9" eb="11">
      <t>カイシュウ</t>
    </rPh>
    <rPh sb="11" eb="13">
      <t>ジギョウ</t>
    </rPh>
    <rPh sb="14" eb="16">
      <t>ジッセキ</t>
    </rPh>
    <rPh sb="19" eb="21">
      <t>バアイ</t>
    </rPh>
    <rPh sb="22" eb="23">
      <t>ミギ</t>
    </rPh>
    <rPh sb="23" eb="24">
      <t>ラン</t>
    </rPh>
    <rPh sb="26" eb="28">
      <t>ジッセキ</t>
    </rPh>
    <rPh sb="32" eb="34">
      <t>センタク</t>
    </rPh>
    <phoneticPr fontId="7"/>
  </si>
  <si>
    <t>　※フィージビリティスタディの実績がない場合は右欄の「実績なし」を選択⇒</t>
    <rPh sb="15" eb="17">
      <t>ジッセキ</t>
    </rPh>
    <rPh sb="20" eb="22">
      <t>バアイ</t>
    </rPh>
    <rPh sb="23" eb="24">
      <t>ミギ</t>
    </rPh>
    <rPh sb="24" eb="25">
      <t>ラン</t>
    </rPh>
    <rPh sb="27" eb="29">
      <t>ジッセキ</t>
    </rPh>
    <rPh sb="33" eb="35">
      <t>センタク</t>
    </rPh>
    <phoneticPr fontId="7"/>
  </si>
  <si>
    <t>※建築物の維持管理に係る契約の実績がない場合は右欄の実績なし」を選択⇒</t>
    <rPh sb="1" eb="4">
      <t>ケンチクブツ</t>
    </rPh>
    <rPh sb="5" eb="7">
      <t>イジ</t>
    </rPh>
    <rPh sb="7" eb="9">
      <t>カンリ</t>
    </rPh>
    <rPh sb="10" eb="11">
      <t>カカ</t>
    </rPh>
    <rPh sb="12" eb="14">
      <t>ケイヤク</t>
    </rPh>
    <rPh sb="15" eb="17">
      <t>ジッセキ</t>
    </rPh>
    <rPh sb="20" eb="22">
      <t>バアイ</t>
    </rPh>
    <rPh sb="23" eb="24">
      <t>ミギ</t>
    </rPh>
    <rPh sb="24" eb="25">
      <t>ラン</t>
    </rPh>
    <rPh sb="26" eb="28">
      <t>ジッセキ</t>
    </rPh>
    <rPh sb="32" eb="34">
      <t>センタク</t>
    </rPh>
    <phoneticPr fontId="7"/>
  </si>
  <si>
    <t>※環境配慮型プロポーザル方式の実績がない場合は右欄の「実績なし」を選択⇒</t>
    <rPh sb="1" eb="3">
      <t>カンキョウ</t>
    </rPh>
    <rPh sb="3" eb="6">
      <t>ハイリョガタ</t>
    </rPh>
    <rPh sb="12" eb="14">
      <t>ホウシキ</t>
    </rPh>
    <rPh sb="15" eb="17">
      <t>ジッセキ</t>
    </rPh>
    <rPh sb="20" eb="22">
      <t>バアイ</t>
    </rPh>
    <rPh sb="23" eb="24">
      <t>ミギ</t>
    </rPh>
    <rPh sb="24" eb="25">
      <t>ラン</t>
    </rPh>
    <rPh sb="27" eb="29">
      <t>ジッセキ</t>
    </rPh>
    <rPh sb="33" eb="35">
      <t>センタク</t>
    </rPh>
    <phoneticPr fontId="7"/>
  </si>
  <si>
    <t>※小型船舶の調達（エンジンのみの調達を含む）の実績がない場合は右欄の「実績なし」を選択する⇒</t>
    <rPh sb="1" eb="3">
      <t>コガタ</t>
    </rPh>
    <rPh sb="3" eb="5">
      <t>センパク</t>
    </rPh>
    <rPh sb="6" eb="8">
      <t>チョウタツ</t>
    </rPh>
    <rPh sb="16" eb="18">
      <t>チョウタツ</t>
    </rPh>
    <rPh sb="19" eb="20">
      <t>フク</t>
    </rPh>
    <rPh sb="23" eb="25">
      <t>ジッセキ</t>
    </rPh>
    <rPh sb="28" eb="30">
      <t>バアイ</t>
    </rPh>
    <rPh sb="31" eb="32">
      <t>ミギ</t>
    </rPh>
    <rPh sb="32" eb="33">
      <t>ラン</t>
    </rPh>
    <rPh sb="35" eb="37">
      <t>ジッセキ</t>
    </rPh>
    <rPh sb="41" eb="43">
      <t>センタク</t>
    </rPh>
    <phoneticPr fontId="7"/>
  </si>
  <si>
    <t>※産業廃棄物処理の契約実績がない場合は右欄の「実績なし」を選択⇒</t>
    <rPh sb="1" eb="3">
      <t>サンギョウ</t>
    </rPh>
    <rPh sb="3" eb="6">
      <t>ハイキブツ</t>
    </rPh>
    <rPh sb="6" eb="8">
      <t>ショリ</t>
    </rPh>
    <rPh sb="9" eb="11">
      <t>ケイヤク</t>
    </rPh>
    <rPh sb="11" eb="13">
      <t>ジッセキ</t>
    </rPh>
    <rPh sb="16" eb="18">
      <t>バアイ</t>
    </rPh>
    <rPh sb="19" eb="20">
      <t>ミギ</t>
    </rPh>
    <rPh sb="20" eb="21">
      <t>ラン</t>
    </rPh>
    <rPh sb="23" eb="25">
      <t>ジッセキ</t>
    </rPh>
    <rPh sb="29" eb="31">
      <t>センタク</t>
    </rPh>
    <phoneticPr fontId="7"/>
  </si>
  <si>
    <t>【4-3D】建築物改修（その他概要）</t>
    <rPh sb="6" eb="11">
      <t>ケンチクブツカイシュウ</t>
    </rPh>
    <rPh sb="14" eb="15">
      <t>タ</t>
    </rPh>
    <rPh sb="15" eb="17">
      <t>ガイヨウ</t>
    </rPh>
    <phoneticPr fontId="7"/>
  </si>
  <si>
    <t>【4-3E】建築物改修（その他詳細）</t>
    <rPh sb="6" eb="11">
      <t>ケンチクブツカイシュウ</t>
    </rPh>
    <rPh sb="14" eb="15">
      <t>タ</t>
    </rPh>
    <rPh sb="15" eb="17">
      <t>ショウサイ</t>
    </rPh>
    <phoneticPr fontId="7"/>
  </si>
  <si>
    <t>その他の技術</t>
    <rPh sb="2" eb="3">
      <t>タ</t>
    </rPh>
    <rPh sb="4" eb="6">
      <t>ギジュツ</t>
    </rPh>
    <phoneticPr fontId="7"/>
  </si>
  <si>
    <r>
      <t>「【5-2】産廃（詳細）」から自動集計しており、</t>
    </r>
    <r>
      <rPr>
        <u/>
        <sz val="11"/>
        <color indexed="10"/>
        <rFont val="ＭＳ ゴシック"/>
        <family val="3"/>
        <charset val="128"/>
      </rPr>
      <t>記入の必要はありません</t>
    </r>
    <r>
      <rPr>
        <sz val="11"/>
        <rFont val="ＭＳ ゴシック"/>
        <family val="3"/>
        <charset val="128"/>
      </rPr>
      <t>。</t>
    </r>
    <rPh sb="6" eb="8">
      <t>サンパイ</t>
    </rPh>
    <rPh sb="9" eb="11">
      <t>ショウサイ</t>
    </rPh>
    <rPh sb="15" eb="17">
      <t>ジドウ</t>
    </rPh>
    <rPh sb="17" eb="19">
      <t>シュウケイ</t>
    </rPh>
    <rPh sb="24" eb="26">
      <t>キニュウ</t>
    </rPh>
    <rPh sb="27" eb="29">
      <t>ヒツヨウ</t>
    </rPh>
    <phoneticPr fontId="7"/>
  </si>
  <si>
    <r>
      <t>ESCO</t>
    </r>
    <r>
      <rPr>
        <sz val="9"/>
        <rFont val="ＭＳ ゴシック"/>
        <family val="3"/>
        <charset val="128"/>
      </rPr>
      <t>事業の契約実績</t>
    </r>
    <rPh sb="4" eb="6">
      <t>ジギョウ</t>
    </rPh>
    <rPh sb="7" eb="9">
      <t>ケイヤク</t>
    </rPh>
    <rPh sb="9" eb="11">
      <t>ジッセキ</t>
    </rPh>
    <phoneticPr fontId="7"/>
  </si>
  <si>
    <r>
      <t>建築物の維持管理に係る契約</t>
    </r>
    <r>
      <rPr>
        <sz val="11"/>
        <rFont val="ＭＳ Ｐゴシック"/>
        <family val="3"/>
        <charset val="128"/>
      </rPr>
      <t>の契約件数　　※総数</t>
    </r>
    <rPh sb="14" eb="16">
      <t>ケイヤク</t>
    </rPh>
    <rPh sb="21" eb="23">
      <t>ソウスウ</t>
    </rPh>
    <phoneticPr fontId="7"/>
  </si>
  <si>
    <t>中長期的な改修計画を予定している施設がある場合は以下に記入してください。</t>
    <rPh sb="0" eb="3">
      <t>チュウチョウキ</t>
    </rPh>
    <rPh sb="3" eb="4">
      <t>テキ</t>
    </rPh>
    <rPh sb="5" eb="7">
      <t>カイシュウ</t>
    </rPh>
    <rPh sb="7" eb="9">
      <t>ケイカク</t>
    </rPh>
    <rPh sb="10" eb="12">
      <t>ヨテイ</t>
    </rPh>
    <rPh sb="16" eb="18">
      <t>シセツ</t>
    </rPh>
    <rPh sb="21" eb="23">
      <t>バアイ</t>
    </rPh>
    <rPh sb="24" eb="26">
      <t>イカ</t>
    </rPh>
    <rPh sb="27" eb="29">
      <t>キニュウ</t>
    </rPh>
    <phoneticPr fontId="7"/>
  </si>
  <si>
    <t>文化財施設補修や災害復旧等、省エネルギー・脱炭素化以外の項目が特に優先される事業</t>
    <rPh sb="0" eb="3">
      <t>ブンカザイ</t>
    </rPh>
    <rPh sb="3" eb="5">
      <t>シセツ</t>
    </rPh>
    <rPh sb="5" eb="7">
      <t>ホシュウ</t>
    </rPh>
    <rPh sb="8" eb="10">
      <t>サイガイ</t>
    </rPh>
    <rPh sb="10" eb="12">
      <t>フッキュウ</t>
    </rPh>
    <rPh sb="12" eb="13">
      <t>トウ</t>
    </rPh>
    <rPh sb="14" eb="15">
      <t>ショウ</t>
    </rPh>
    <rPh sb="21" eb="24">
      <t>ダツタンソ</t>
    </rPh>
    <rPh sb="24" eb="25">
      <t>カ</t>
    </rPh>
    <rPh sb="25" eb="27">
      <t>イガイ</t>
    </rPh>
    <rPh sb="28" eb="30">
      <t>コウモク</t>
    </rPh>
    <rPh sb="31" eb="32">
      <t>トク</t>
    </rPh>
    <rPh sb="33" eb="35">
      <t>ユウセン</t>
    </rPh>
    <rPh sb="38" eb="40">
      <t>ジギョウ</t>
    </rPh>
    <phoneticPr fontId="7"/>
  </si>
  <si>
    <t>単純修繕等、省エネルギー・脱炭素化に工夫の余地がほとんどない事業</t>
    <rPh sb="0" eb="2">
      <t>タンジュン</t>
    </rPh>
    <rPh sb="2" eb="4">
      <t>シュウゼン</t>
    </rPh>
    <rPh sb="4" eb="5">
      <t>トウ</t>
    </rPh>
    <rPh sb="6" eb="7">
      <t>ショウ</t>
    </rPh>
    <rPh sb="13" eb="16">
      <t>ダツタンソ</t>
    </rPh>
    <rPh sb="16" eb="17">
      <t>カ</t>
    </rPh>
    <rPh sb="18" eb="20">
      <t>クフウ</t>
    </rPh>
    <rPh sb="21" eb="23">
      <t>ヨチ</t>
    </rPh>
    <rPh sb="30" eb="32">
      <t>ジギョウ</t>
    </rPh>
    <phoneticPr fontId="7"/>
  </si>
  <si>
    <t>運用段階のエネルギー消費量等のデータ活用</t>
    <rPh sb="0" eb="4">
      <t>ウンヨウダンカイ</t>
    </rPh>
    <rPh sb="10" eb="13">
      <t>ショウヒリョウ</t>
    </rPh>
    <rPh sb="13" eb="14">
      <t>トウ</t>
    </rPh>
    <rPh sb="18" eb="20">
      <t>カツヨウ</t>
    </rPh>
    <phoneticPr fontId="7"/>
  </si>
  <si>
    <t>運用段階のデータ活用の有無</t>
    <rPh sb="0" eb="4">
      <t>ウンヨウダンカイ</t>
    </rPh>
    <rPh sb="8" eb="10">
      <t>カツヨウ</t>
    </rPh>
    <rPh sb="11" eb="13">
      <t>ウム</t>
    </rPh>
    <phoneticPr fontId="7"/>
  </si>
  <si>
    <t>上記①の場合
具体的な内容</t>
    <rPh sb="0" eb="2">
      <t>ジョウキ</t>
    </rPh>
    <rPh sb="4" eb="6">
      <t>バアイ</t>
    </rPh>
    <rPh sb="7" eb="10">
      <t>グタイテキ</t>
    </rPh>
    <rPh sb="11" eb="13">
      <t>ナイヨウ</t>
    </rPh>
    <phoneticPr fontId="7"/>
  </si>
  <si>
    <t>エネルギー管理機能の有無</t>
    <rPh sb="5" eb="7">
      <t>カンリ</t>
    </rPh>
    <rPh sb="7" eb="9">
      <t>キノウ</t>
    </rPh>
    <rPh sb="10" eb="12">
      <t>ウム</t>
    </rPh>
    <phoneticPr fontId="7"/>
  </si>
  <si>
    <r>
      <t>（１）建築物の改修設計の実施実績（</t>
    </r>
    <r>
      <rPr>
        <sz val="12"/>
        <rFont val="ＭＳ Ｐゴシック"/>
        <family val="3"/>
        <charset val="128"/>
      </rPr>
      <t>ESCO</t>
    </r>
    <r>
      <rPr>
        <sz val="12"/>
        <rFont val="ＭＳ ゴシック"/>
        <family val="3"/>
        <charset val="128"/>
      </rPr>
      <t>事業は除く）</t>
    </r>
    <rPh sb="3" eb="6">
      <t>ケンチクブツ</t>
    </rPh>
    <rPh sb="7" eb="9">
      <t>カイシュウ</t>
    </rPh>
    <rPh sb="9" eb="11">
      <t>セッケイ</t>
    </rPh>
    <rPh sb="12" eb="14">
      <t>ジッシ</t>
    </rPh>
    <rPh sb="14" eb="16">
      <t>ジッセキ</t>
    </rPh>
    <rPh sb="21" eb="23">
      <t>ジギョウ</t>
    </rPh>
    <rPh sb="24" eb="25">
      <t>ノゾ</t>
    </rPh>
    <phoneticPr fontId="7"/>
  </si>
  <si>
    <t>※件数の合計が上記（１）の「（a）-（b）」の値と一致しているか確認してください。</t>
    <rPh sb="7" eb="9">
      <t>ジョウキ</t>
    </rPh>
    <phoneticPr fontId="7"/>
  </si>
  <si>
    <t>（２）改修設計に当たって省エネ・脱炭素対策を実施しなかった場合はその理由</t>
    <rPh sb="3" eb="5">
      <t>カイシュウ</t>
    </rPh>
    <rPh sb="5" eb="7">
      <t>セッケイ</t>
    </rPh>
    <rPh sb="8" eb="9">
      <t>ア</t>
    </rPh>
    <rPh sb="12" eb="13">
      <t>ショウ</t>
    </rPh>
    <rPh sb="16" eb="17">
      <t>ダツ</t>
    </rPh>
    <rPh sb="17" eb="19">
      <t>タンソ</t>
    </rPh>
    <rPh sb="19" eb="21">
      <t>タイサク</t>
    </rPh>
    <rPh sb="22" eb="24">
      <t>ジッシ</t>
    </rPh>
    <rPh sb="29" eb="31">
      <t>バアイ</t>
    </rPh>
    <rPh sb="34" eb="36">
      <t>リユウ</t>
    </rPh>
    <phoneticPr fontId="7"/>
  </si>
  <si>
    <t>熱源</t>
    <rPh sb="0" eb="2">
      <t>ネツゲン</t>
    </rPh>
    <phoneticPr fontId="7"/>
  </si>
  <si>
    <t>空調</t>
    <rPh sb="0" eb="2">
      <t>クウチョウ</t>
    </rPh>
    <phoneticPr fontId="7"/>
  </si>
  <si>
    <t>ファン／ポンプ</t>
    <phoneticPr fontId="7"/>
  </si>
  <si>
    <t>給湯器</t>
    <rPh sb="0" eb="3">
      <t>キュウトウキ</t>
    </rPh>
    <phoneticPr fontId="7"/>
  </si>
  <si>
    <t>変圧器</t>
    <rPh sb="0" eb="3">
      <t>ヘンアツキ</t>
    </rPh>
    <phoneticPr fontId="7"/>
  </si>
  <si>
    <t>搬送設備</t>
    <rPh sb="0" eb="2">
      <t>ハンソウ</t>
    </rPh>
    <rPh sb="2" eb="4">
      <t>セツビ</t>
    </rPh>
    <phoneticPr fontId="107"/>
  </si>
  <si>
    <t>エレベータ、エスカレータ</t>
    <phoneticPr fontId="7"/>
  </si>
  <si>
    <t>導入又は更新する
技術・設備等</t>
    <rPh sb="0" eb="2">
      <t>ドウニュウ</t>
    </rPh>
    <rPh sb="2" eb="3">
      <t>マタ</t>
    </rPh>
    <rPh sb="4" eb="6">
      <t>コウシン</t>
    </rPh>
    <rPh sb="9" eb="11">
      <t>ギジュツ</t>
    </rPh>
    <rPh sb="12" eb="15">
      <t>セツビトウ</t>
    </rPh>
    <phoneticPr fontId="7"/>
  </si>
  <si>
    <t>https://www.env.go.jp/earth/zeb/detail/06.html</t>
    <phoneticPr fontId="7"/>
  </si>
  <si>
    <t>参考：環境省　ZEB PORTAL（ゼブ・ポータル）　「ZEBを実現するための技術」</t>
    <rPh sb="0" eb="2">
      <t>サンコウ</t>
    </rPh>
    <rPh sb="3" eb="6">
      <t>カンキョウショウ</t>
    </rPh>
    <phoneticPr fontId="7"/>
  </si>
  <si>
    <r>
      <t>※</t>
    </r>
    <r>
      <rPr>
        <b/>
        <sz val="10.5"/>
        <rFont val="ＭＳ Ｐゴシック"/>
        <family val="3"/>
        <charset val="128"/>
      </rPr>
      <t>その他の省エネ改修事業</t>
    </r>
    <r>
      <rPr>
        <sz val="10.5"/>
        <rFont val="ＭＳ Ｐゴシック"/>
        <family val="3"/>
        <charset val="128"/>
      </rPr>
      <t>とは、改修前と比較して改修後に省エネルギーとなる場合であって、</t>
    </r>
    <rPh sb="3" eb="4">
      <t>タ</t>
    </rPh>
    <rPh sb="5" eb="6">
      <t>ショウ</t>
    </rPh>
    <rPh sb="8" eb="10">
      <t>カイシュウ</t>
    </rPh>
    <rPh sb="10" eb="12">
      <t>ジギョウ</t>
    </rPh>
    <rPh sb="15" eb="18">
      <t>カイシュウマエ</t>
    </rPh>
    <rPh sb="19" eb="21">
      <t>ヒカク</t>
    </rPh>
    <rPh sb="23" eb="26">
      <t>カイシュウゴ</t>
    </rPh>
    <rPh sb="27" eb="28">
      <t>ショウ</t>
    </rPh>
    <rPh sb="36" eb="38">
      <t>バアイ</t>
    </rPh>
    <phoneticPr fontId="7"/>
  </si>
  <si>
    <t>具体的な
技術テーマ</t>
    <rPh sb="0" eb="3">
      <t>グタイテキ</t>
    </rPh>
    <rPh sb="5" eb="7">
      <t>ギジュツ</t>
    </rPh>
    <phoneticPr fontId="7"/>
  </si>
  <si>
    <r>
      <t>建築物の</t>
    </r>
    <r>
      <rPr>
        <b/>
        <u/>
        <sz val="11"/>
        <rFont val="ＭＳ Ｐゴシック"/>
        <family val="3"/>
        <charset val="128"/>
      </rPr>
      <t>改修設計に係る契約</t>
    </r>
    <r>
      <rPr>
        <sz val="11"/>
        <rFont val="ＭＳ Ｐゴシック"/>
        <family val="3"/>
        <charset val="128"/>
      </rPr>
      <t>の件数　　※総数</t>
    </r>
    <rPh sb="4" eb="6">
      <t>カイシュウ</t>
    </rPh>
    <rPh sb="6" eb="8">
      <t>セッケイ</t>
    </rPh>
    <rPh sb="14" eb="16">
      <t>ケンスウ</t>
    </rPh>
    <rPh sb="19" eb="21">
      <t>ソウスウ</t>
    </rPh>
    <phoneticPr fontId="7"/>
  </si>
  <si>
    <r>
      <t xml:space="preserve"> (a)のうち、</t>
    </r>
    <r>
      <rPr>
        <b/>
        <u/>
        <sz val="11"/>
        <rFont val="ＭＳ Ｐゴシック"/>
        <family val="3"/>
        <charset val="128"/>
      </rPr>
      <t>その他の省エネ改修事業に係る設計の契約</t>
    </r>
    <r>
      <rPr>
        <sz val="11"/>
        <rFont val="ＭＳ Ｐゴシック"/>
        <family val="3"/>
        <charset val="128"/>
      </rPr>
      <t>件数</t>
    </r>
    <rPh sb="10" eb="11">
      <t>タ</t>
    </rPh>
    <rPh sb="12" eb="13">
      <t>ショウ</t>
    </rPh>
    <rPh sb="15" eb="17">
      <t>カイシュウ</t>
    </rPh>
    <rPh sb="17" eb="19">
      <t>ジギョウ</t>
    </rPh>
    <rPh sb="20" eb="21">
      <t>カカ</t>
    </rPh>
    <rPh sb="22" eb="24">
      <t>セッケイ</t>
    </rPh>
    <rPh sb="25" eb="27">
      <t>ケイヤク</t>
    </rPh>
    <rPh sb="27" eb="29">
      <t>ケンスウ</t>
    </rPh>
    <phoneticPr fontId="7"/>
  </si>
  <si>
    <t>さらにZEBの設計に関する詳細については「ZEB設計ガイドライン　ZEBReady・中規模事務所編」</t>
    <rPh sb="7" eb="9">
      <t>セッケイ</t>
    </rPh>
    <rPh sb="10" eb="11">
      <t>カン</t>
    </rPh>
    <rPh sb="13" eb="15">
      <t>ショウサイ</t>
    </rPh>
    <rPh sb="24" eb="26">
      <t>セッケイ</t>
    </rPh>
    <phoneticPr fontId="7"/>
  </si>
  <si>
    <t>が参考になります（ZEBに資する技術一覧）。</t>
    <rPh sb="1" eb="3">
      <t>サンコウ</t>
    </rPh>
    <rPh sb="13" eb="14">
      <t>シ</t>
    </rPh>
    <rPh sb="16" eb="20">
      <t>ギジュツイチラン</t>
    </rPh>
    <phoneticPr fontId="7"/>
  </si>
  <si>
    <t>https://sii.or.jp/zeb/zeb_guideline.html</t>
    <phoneticPr fontId="7"/>
  </si>
  <si>
    <t>具体的に：</t>
    <rPh sb="0" eb="3">
      <t>グタイテキ</t>
    </rPh>
    <phoneticPr fontId="7"/>
  </si>
  <si>
    <t>３．対象施設名</t>
    <rPh sb="2" eb="4">
      <t>タイショウ</t>
    </rPh>
    <rPh sb="4" eb="6">
      <t>シセツ</t>
    </rPh>
    <rPh sb="6" eb="7">
      <t>メイ</t>
    </rPh>
    <phoneticPr fontId="7"/>
  </si>
  <si>
    <t>１．事業主</t>
    <rPh sb="2" eb="5">
      <t>ジギョウヌシ</t>
    </rPh>
    <phoneticPr fontId="7"/>
  </si>
  <si>
    <t>２．事業名</t>
    <rPh sb="2" eb="5">
      <t>ジギョウメイ</t>
    </rPh>
    <phoneticPr fontId="7"/>
  </si>
  <si>
    <r>
      <t xml:space="preserve">４．施設概要
</t>
    </r>
    <r>
      <rPr>
        <sz val="9"/>
        <color indexed="8"/>
        <rFont val="ＭＳ Ｐゴシック"/>
        <family val="3"/>
        <charset val="128"/>
      </rPr>
      <t>階数（地上＋地下）を記載</t>
    </r>
    <rPh sb="2" eb="4">
      <t>シセツ</t>
    </rPh>
    <rPh sb="4" eb="6">
      <t>ガイヨウ</t>
    </rPh>
    <rPh sb="7" eb="9">
      <t>カイスウ</t>
    </rPh>
    <rPh sb="10" eb="12">
      <t>チジョウ</t>
    </rPh>
    <rPh sb="13" eb="15">
      <t>チカ</t>
    </rPh>
    <rPh sb="17" eb="19">
      <t>キサイ</t>
    </rPh>
    <phoneticPr fontId="7"/>
  </si>
  <si>
    <t>その他の再エネ（下欄に記入）</t>
    <rPh sb="2" eb="3">
      <t>タ</t>
    </rPh>
    <rPh sb="4" eb="5">
      <t>サイ</t>
    </rPh>
    <rPh sb="8" eb="10">
      <t>カラン</t>
    </rPh>
    <rPh sb="11" eb="13">
      <t>キニュウ</t>
    </rPh>
    <phoneticPr fontId="107"/>
  </si>
  <si>
    <t>その他の技術等（下欄に記入）</t>
    <rPh sb="2" eb="3">
      <t>タ</t>
    </rPh>
    <rPh sb="4" eb="7">
      <t>ギジュツトウ</t>
    </rPh>
    <rPh sb="8" eb="10">
      <t>カラン</t>
    </rPh>
    <rPh sb="11" eb="13">
      <t>キニュウ</t>
    </rPh>
    <phoneticPr fontId="7"/>
  </si>
  <si>
    <t>その他の技術等（下欄に記入）</t>
    <rPh sb="2" eb="3">
      <t>タ</t>
    </rPh>
    <rPh sb="4" eb="6">
      <t>ギジュツ</t>
    </rPh>
    <rPh sb="6" eb="7">
      <t>トウ</t>
    </rPh>
    <rPh sb="8" eb="10">
      <t>カラン</t>
    </rPh>
    <rPh sb="11" eb="13">
      <t>キニュウ</t>
    </rPh>
    <phoneticPr fontId="107"/>
  </si>
  <si>
    <t xml:space="preserve"> 　シート【4-3E】に示す技術・設備の導入又は更新等（その他の省エネ技術を含む）を設計に含ん</t>
    <rPh sb="12" eb="13">
      <t>シメ</t>
    </rPh>
    <rPh sb="14" eb="16">
      <t>ギジュツ</t>
    </rPh>
    <rPh sb="17" eb="19">
      <t>セツビ</t>
    </rPh>
    <rPh sb="20" eb="22">
      <t>ドウニュウ</t>
    </rPh>
    <rPh sb="22" eb="23">
      <t>マタ</t>
    </rPh>
    <rPh sb="24" eb="26">
      <t>コウシン</t>
    </rPh>
    <rPh sb="26" eb="27">
      <t>トウ</t>
    </rPh>
    <rPh sb="30" eb="31">
      <t>タ</t>
    </rPh>
    <rPh sb="32" eb="33">
      <t>ショウ</t>
    </rPh>
    <rPh sb="35" eb="37">
      <t>ギジュツ</t>
    </rPh>
    <rPh sb="38" eb="39">
      <t>フク</t>
    </rPh>
    <rPh sb="42" eb="44">
      <t>セッケイ</t>
    </rPh>
    <rPh sb="45" eb="46">
      <t>フク</t>
    </rPh>
    <phoneticPr fontId="7"/>
  </si>
  <si>
    <t xml:space="preserve"> 　だ改修事業とする。</t>
    <rPh sb="3" eb="7">
      <t>カイシュウジギョウ</t>
    </rPh>
    <phoneticPr fontId="7"/>
  </si>
  <si>
    <t>建物用途</t>
    <rPh sb="0" eb="2">
      <t>タテモノ</t>
    </rPh>
    <rPh sb="2" eb="4">
      <t>ヨウト</t>
    </rPh>
    <phoneticPr fontId="7"/>
  </si>
  <si>
    <t>合同庁舎</t>
  </si>
  <si>
    <t>○○省△△局</t>
    <rPh sb="2" eb="3">
      <t>ショウ</t>
    </rPh>
    <rPh sb="5" eb="6">
      <t>キョク</t>
    </rPh>
    <phoneticPr fontId="7"/>
  </si>
  <si>
    <t>開口部（複層ガラス、気密サッシ等）</t>
    <rPh sb="0" eb="3">
      <t>カイコウブ</t>
    </rPh>
    <rPh sb="4" eb="6">
      <t>フクソウ</t>
    </rPh>
    <rPh sb="10" eb="12">
      <t>キミツ</t>
    </rPh>
    <rPh sb="15" eb="16">
      <t>トウ</t>
    </rPh>
    <phoneticPr fontId="7"/>
  </si>
  <si>
    <t>○○省△△地方◇◇庁舎</t>
    <rPh sb="0" eb="3">
      <t>マルマルショウ</t>
    </rPh>
    <rPh sb="5" eb="7">
      <t>チホウ</t>
    </rPh>
    <rPh sb="9" eb="11">
      <t>チョウシャ</t>
    </rPh>
    <phoneticPr fontId="7"/>
  </si>
  <si>
    <t>バイオマス利用</t>
    <rPh sb="5" eb="7">
      <t>リヨウ</t>
    </rPh>
    <phoneticPr fontId="7"/>
  </si>
  <si>
    <t>←ボイラ、冷温水機・冷凍機、チリングユニットなど主に中央式のもの</t>
    <rPh sb="5" eb="8">
      <t>レイオンスイ</t>
    </rPh>
    <rPh sb="8" eb="9">
      <t>キ</t>
    </rPh>
    <rPh sb="10" eb="13">
      <t>レイトウキ</t>
    </rPh>
    <rPh sb="24" eb="25">
      <t>オモ</t>
    </rPh>
    <rPh sb="26" eb="28">
      <t>チュウオウ</t>
    </rPh>
    <rPh sb="28" eb="29">
      <t>シキ</t>
    </rPh>
    <phoneticPr fontId="7"/>
  </si>
  <si>
    <t>←ファンコイルユニット、EHP（電気式エアコン、マルチを含む）、GHPなど</t>
    <rPh sb="16" eb="19">
      <t>デンキシキ</t>
    </rPh>
    <rPh sb="28" eb="29">
      <t>フク</t>
    </rPh>
    <phoneticPr fontId="7"/>
  </si>
  <si>
    <t>プロポーザル方式</t>
  </si>
  <si>
    <t>③将来的に達成予定</t>
  </si>
  <si>
    <t>ZEB Ready（ゼブレディ）</t>
  </si>
  <si>
    <t>①改修事業の立案に当たり活用</t>
  </si>
  <si>
    <t>○○県△△市××１丁目２番地</t>
    <rPh sb="2" eb="3">
      <t>ケン</t>
    </rPh>
    <rPh sb="5" eb="6">
      <t>シ</t>
    </rPh>
    <rPh sb="9" eb="11">
      <t>チョウメ</t>
    </rPh>
    <rPh sb="12" eb="14">
      <t>バンチ</t>
    </rPh>
    <phoneticPr fontId="7"/>
  </si>
  <si>
    <t>○○県△△市××２丁目５番地</t>
    <rPh sb="2" eb="3">
      <t>ケン</t>
    </rPh>
    <rPh sb="5" eb="6">
      <t>シ</t>
    </rPh>
    <rPh sb="9" eb="11">
      <t>チョウメ</t>
    </rPh>
    <rPh sb="12" eb="14">
      <t>バンチ</t>
    </rPh>
    <phoneticPr fontId="7"/>
  </si>
  <si>
    <t>○○省△△地方◇◇庁舎、□□事務所建築改修設計業務</t>
    <rPh sb="0" eb="3">
      <t>マルマルショウ</t>
    </rPh>
    <rPh sb="5" eb="7">
      <t>チホウ</t>
    </rPh>
    <rPh sb="9" eb="11">
      <t>チョウシャ</t>
    </rPh>
    <rPh sb="14" eb="17">
      <t>ジムショ</t>
    </rPh>
    <rPh sb="17" eb="19">
      <t>ケンチク</t>
    </rPh>
    <rPh sb="19" eb="21">
      <t>カイシュウ</t>
    </rPh>
    <rPh sb="21" eb="23">
      <t>セッケイ</t>
    </rPh>
    <rPh sb="23" eb="25">
      <t>ギョウム</t>
    </rPh>
    <phoneticPr fontId="7"/>
  </si>
  <si>
    <t>□□事務所</t>
    <rPh sb="2" eb="4">
      <t>ジム</t>
    </rPh>
    <rPh sb="4" eb="5">
      <t>ジョ</t>
    </rPh>
    <phoneticPr fontId="7"/>
  </si>
  <si>
    <t>①既に改修事業以前から導入済み</t>
  </si>
  <si>
    <t>脱炭素化・レジリエンス強化に向けた太陽光発電の導入及び断熱性能を高めた上で空気調和設備の最適化改修</t>
    <rPh sb="0" eb="3">
      <t>ダツタンソ</t>
    </rPh>
    <rPh sb="3" eb="4">
      <t>カ</t>
    </rPh>
    <rPh sb="11" eb="13">
      <t>キョウカ</t>
    </rPh>
    <rPh sb="17" eb="23">
      <t>タイヨウコウ</t>
    </rPh>
    <rPh sb="23" eb="25">
      <t>ドウニュウ</t>
    </rPh>
    <rPh sb="25" eb="26">
      <t>オヨ</t>
    </rPh>
    <rPh sb="27" eb="31">
      <t>ダンネツセイノウ</t>
    </rPh>
    <rPh sb="32" eb="33">
      <t>タカ</t>
    </rPh>
    <rPh sb="35" eb="36">
      <t>ウエ</t>
    </rPh>
    <rPh sb="37" eb="43">
      <t>クウキチョウワセツビ</t>
    </rPh>
    <rPh sb="44" eb="47">
      <t>サイテキカ</t>
    </rPh>
    <rPh sb="47" eb="49">
      <t>カイシュウ</t>
    </rPh>
    <phoneticPr fontId="7"/>
  </si>
  <si>
    <t>BEMSによる運用データを空気調和設備容量等の最適化を図るために活用</t>
    <rPh sb="7" eb="9">
      <t>ウンヨウ</t>
    </rPh>
    <rPh sb="13" eb="19">
      <t>クウキチョウワセツビ</t>
    </rPh>
    <rPh sb="19" eb="21">
      <t>ヨウリョウ</t>
    </rPh>
    <rPh sb="21" eb="22">
      <t>トウ</t>
    </rPh>
    <rPh sb="23" eb="26">
      <t>サイテキカ</t>
    </rPh>
    <rPh sb="27" eb="28">
      <t>ハカ</t>
    </rPh>
    <rPh sb="32" eb="34">
      <t>カツヨウ</t>
    </rPh>
    <phoneticPr fontId="7"/>
  </si>
  <si>
    <t>③次回以降の改修事業で活用予定</t>
  </si>
  <si>
    <t>②今回の改修事業で導入</t>
  </si>
  <si>
    <t>無線計量センサの導入</t>
    <rPh sb="0" eb="2">
      <t>ムセン</t>
    </rPh>
    <rPh sb="2" eb="4">
      <t>ケイリョウ</t>
    </rPh>
    <rPh sb="8" eb="10">
      <t>ドウニュウ</t>
    </rPh>
    <phoneticPr fontId="7"/>
  </si>
  <si>
    <t>外気冷房システム</t>
    <rPh sb="0" eb="4">
      <t>ガイキレイボウ</t>
    </rPh>
    <phoneticPr fontId="7"/>
  </si>
  <si>
    <t>太陽光発電の導入及びZEBを目指した空調機器設備、照明設備の省エネルギー改修</t>
    <rPh sb="0" eb="6">
      <t>タイヨウコウ</t>
    </rPh>
    <rPh sb="6" eb="8">
      <t>ドウニュウ</t>
    </rPh>
    <rPh sb="8" eb="9">
      <t>オヨ</t>
    </rPh>
    <rPh sb="14" eb="16">
      <t>メザ</t>
    </rPh>
    <rPh sb="18" eb="20">
      <t>クウチョウ</t>
    </rPh>
    <rPh sb="20" eb="22">
      <t>キキ</t>
    </rPh>
    <rPh sb="22" eb="24">
      <t>セツビ</t>
    </rPh>
    <rPh sb="25" eb="27">
      <t>ショウメイ</t>
    </rPh>
    <rPh sb="27" eb="29">
      <t>セツビ</t>
    </rPh>
    <rPh sb="30" eb="31">
      <t>ショウ</t>
    </rPh>
    <rPh sb="36" eb="38">
      <t>カイシュウ</t>
    </rPh>
    <phoneticPr fontId="7"/>
  </si>
  <si>
    <r>
      <t>※</t>
    </r>
    <r>
      <rPr>
        <b/>
        <u/>
        <sz val="10.5"/>
        <rFont val="ＭＳ Ｐゴシック"/>
        <family val="3"/>
        <charset val="128"/>
      </rPr>
      <t>施設ごと</t>
    </r>
    <r>
      <rPr>
        <u/>
        <sz val="10.5"/>
        <rFont val="ＭＳ Ｐゴシック"/>
        <family val="3"/>
        <charset val="128"/>
      </rPr>
      <t>に設計に導入又は更新した技術・設備等やその契約情報等をシート【4-3E】に記入。</t>
    </r>
    <rPh sb="6" eb="8">
      <t>セッケイ</t>
    </rPh>
    <rPh sb="9" eb="11">
      <t>ドウニュウ</t>
    </rPh>
    <rPh sb="11" eb="12">
      <t>マタ</t>
    </rPh>
    <rPh sb="13" eb="15">
      <t>コウシン</t>
    </rPh>
    <rPh sb="17" eb="19">
      <t>ギジュツ</t>
    </rPh>
    <rPh sb="20" eb="22">
      <t>セツビ</t>
    </rPh>
    <rPh sb="22" eb="23">
      <t>トウ</t>
    </rPh>
    <rPh sb="26" eb="28">
      <t>ケイヤク</t>
    </rPh>
    <rPh sb="28" eb="30">
      <t>ジョウホウ</t>
    </rPh>
    <rPh sb="30" eb="31">
      <t>ナド</t>
    </rPh>
    <phoneticPr fontId="7"/>
  </si>
  <si>
    <t>シート[【4-3E】建築物改修（詳細）]の記載例及び注意事項</t>
    <rPh sb="10" eb="13">
      <t>ケンチクブツ</t>
    </rPh>
    <rPh sb="13" eb="15">
      <t>カイシュウ</t>
    </rPh>
    <rPh sb="21" eb="23">
      <t>キサイ</t>
    </rPh>
    <rPh sb="23" eb="24">
      <t>レイ</t>
    </rPh>
    <rPh sb="24" eb="25">
      <t>オヨ</t>
    </rPh>
    <rPh sb="26" eb="28">
      <t>チュウイ</t>
    </rPh>
    <rPh sb="28" eb="30">
      <t>ジコウ</t>
    </rPh>
    <phoneticPr fontId="7"/>
  </si>
  <si>
    <t>BEMSの導入状況</t>
    <rPh sb="5" eb="9">
      <t>ドウニュウジョウキョウ</t>
    </rPh>
    <phoneticPr fontId="7"/>
  </si>
  <si>
    <t xml:space="preserve"> 　一つの契約において複数施設のその他の省エネ改修事業に係る改修設計がある場合はシート【4-3E】</t>
    <rPh sb="2" eb="3">
      <t>ヒト</t>
    </rPh>
    <rPh sb="5" eb="7">
      <t>ケイヤク</t>
    </rPh>
    <rPh sb="11" eb="13">
      <t>フクスウ</t>
    </rPh>
    <rPh sb="13" eb="15">
      <t>シセツ</t>
    </rPh>
    <rPh sb="18" eb="19">
      <t>タ</t>
    </rPh>
    <rPh sb="20" eb="21">
      <t>ショウ</t>
    </rPh>
    <rPh sb="23" eb="25">
      <t>カイシュウ</t>
    </rPh>
    <rPh sb="25" eb="27">
      <t>ジギョウ</t>
    </rPh>
    <rPh sb="28" eb="29">
      <t>カカ</t>
    </rPh>
    <rPh sb="30" eb="34">
      <t>カイシュウセッケイ</t>
    </rPh>
    <rPh sb="37" eb="39">
      <t>バアイ</t>
    </rPh>
    <phoneticPr fontId="7"/>
  </si>
  <si>
    <r>
      <t xml:space="preserve"> 　の9行目から53行目までの行を</t>
    </r>
    <r>
      <rPr>
        <b/>
        <sz val="10.5"/>
        <rFont val="ＭＳ Ｐゴシック"/>
        <family val="3"/>
        <charset val="128"/>
      </rPr>
      <t>施設数分コピー</t>
    </r>
    <r>
      <rPr>
        <sz val="10.5"/>
        <rFont val="ＭＳ Ｐゴシック"/>
        <family val="3"/>
        <charset val="128"/>
      </rPr>
      <t>してシート【4-3E】の下に追加してください（２施設分は用意済み）。</t>
    </r>
    <rPh sb="17" eb="19">
      <t>シセツ</t>
    </rPh>
    <rPh sb="48" eb="50">
      <t>シセツ</t>
    </rPh>
    <rPh sb="50" eb="51">
      <t>ブン</t>
    </rPh>
    <rPh sb="52" eb="54">
      <t>ヨウイ</t>
    </rPh>
    <rPh sb="54" eb="55">
      <t>ズ</t>
    </rPh>
    <phoneticPr fontId="7"/>
  </si>
  <si>
    <t>※対象となる施設が３以上の場合は9行目から53行目をコピーして、下に追加してください（このシートは保護していません）</t>
    <rPh sb="1" eb="3">
      <t>タイショウ</t>
    </rPh>
    <rPh sb="6" eb="8">
      <t>シセツ</t>
    </rPh>
    <rPh sb="10" eb="12">
      <t>イジョウ</t>
    </rPh>
    <rPh sb="13" eb="15">
      <t>バアイ</t>
    </rPh>
    <rPh sb="17" eb="19">
      <t>ギョウメ</t>
    </rPh>
    <rPh sb="23" eb="25">
      <t>ギョウメ</t>
    </rPh>
    <rPh sb="32" eb="33">
      <t>シタ</t>
    </rPh>
    <rPh sb="34" eb="36">
      <t>ツイカ</t>
    </rPh>
    <rPh sb="49" eb="51">
      <t>ホゴ</t>
    </rPh>
    <phoneticPr fontId="7"/>
  </si>
  <si>
    <t>例） 令和○年ごろを予定、など</t>
    <rPh sb="0" eb="1">
      <t>レイ</t>
    </rPh>
    <rPh sb="3" eb="5">
      <t>レイワ</t>
    </rPh>
    <rPh sb="6" eb="7">
      <t>ネン</t>
    </rPh>
    <rPh sb="10" eb="12">
      <t>ヨテイ</t>
    </rPh>
    <phoneticPr fontId="7"/>
  </si>
  <si>
    <t>例） 令和○年度にフィージビリティ・スタディを実施予定、など</t>
    <rPh sb="0" eb="1">
      <t>レイ</t>
    </rPh>
    <rPh sb="23" eb="25">
      <t>ジッシ</t>
    </rPh>
    <rPh sb="25" eb="27">
      <t>ヨテイ</t>
    </rPh>
    <phoneticPr fontId="7"/>
  </si>
  <si>
    <r>
      <t xml:space="preserve">A：裾切り方式（環境配慮契約）実施
B：裾切り方式実施の結果、不調・不落により他方式で契約
C：通常の競争入札
（環境配慮契約未実施）
D：少額以外の随意契約
E：少額随意契約
</t>
    </r>
    <r>
      <rPr>
        <sz val="10"/>
        <color rgb="FFFF0000"/>
        <rFont val="ＭＳ ゴシック"/>
        <family val="3"/>
        <charset val="128"/>
      </rPr>
      <t>※一度でも裾切りを実施した案件は「B」</t>
    </r>
    <rPh sb="8" eb="10">
      <t>カンキョウ</t>
    </rPh>
    <rPh sb="10" eb="12">
      <t>ハイリョ</t>
    </rPh>
    <rPh sb="12" eb="14">
      <t>ケイヤク</t>
    </rPh>
    <rPh sb="15" eb="17">
      <t>ジッシ</t>
    </rPh>
    <rPh sb="20" eb="22">
      <t>スソキ</t>
    </rPh>
    <rPh sb="23" eb="25">
      <t>ホウシキ</t>
    </rPh>
    <rPh sb="25" eb="27">
      <t>ジッシ</t>
    </rPh>
    <rPh sb="28" eb="30">
      <t>ケッカ</t>
    </rPh>
    <rPh sb="31" eb="33">
      <t>フチョウ</t>
    </rPh>
    <rPh sb="34" eb="35">
      <t>フ</t>
    </rPh>
    <rPh sb="39" eb="40">
      <t>ホカ</t>
    </rPh>
    <rPh sb="40" eb="42">
      <t>ホウシキ</t>
    </rPh>
    <rPh sb="43" eb="45">
      <t>ケイヤク</t>
    </rPh>
    <rPh sb="48" eb="50">
      <t>ツウジョウ</t>
    </rPh>
    <rPh sb="51" eb="53">
      <t>キョウソウ</t>
    </rPh>
    <rPh sb="53" eb="55">
      <t>ニュウサツ</t>
    </rPh>
    <rPh sb="57" eb="59">
      <t>カンキョウ</t>
    </rPh>
    <rPh sb="59" eb="61">
      <t>ハイリョ</t>
    </rPh>
    <rPh sb="61" eb="63">
      <t>ケイヤク</t>
    </rPh>
    <rPh sb="63" eb="66">
      <t>ミジッシ</t>
    </rPh>
    <rPh sb="90" eb="92">
      <t>イチド</t>
    </rPh>
    <rPh sb="94" eb="96">
      <t>スソキ</t>
    </rPh>
    <rPh sb="98" eb="100">
      <t>ジッシ</t>
    </rPh>
    <rPh sb="102" eb="104">
      <t>アンケン</t>
    </rPh>
    <phoneticPr fontId="7"/>
  </si>
  <si>
    <t>ESCO事業以外のその他の省エネ改修事業の設計に係る契約（【4-3D】の詳細）について、施設ごとにその詳細を記入してください。
なお、対象となる施設が複数ある場合（ロット発注により複数の施設が対象となる場合も含む）は、「事業主」から「エネルギー管理機能の導入状況」までの行をコピーして下に追加してください。</t>
    <rPh sb="4" eb="8">
      <t>ジギョウイガイ</t>
    </rPh>
    <rPh sb="11" eb="12">
      <t>タ</t>
    </rPh>
    <rPh sb="13" eb="14">
      <t>ショウ</t>
    </rPh>
    <rPh sb="16" eb="18">
      <t>カイシュウ</t>
    </rPh>
    <rPh sb="18" eb="20">
      <t>ジギョウ</t>
    </rPh>
    <rPh sb="21" eb="23">
      <t>セッケイ</t>
    </rPh>
    <rPh sb="24" eb="25">
      <t>カカ</t>
    </rPh>
    <rPh sb="26" eb="28">
      <t>ケイヤク</t>
    </rPh>
    <rPh sb="44" eb="46">
      <t>シセツ</t>
    </rPh>
    <rPh sb="51" eb="53">
      <t>ショウサイ</t>
    </rPh>
    <rPh sb="54" eb="56">
      <t>キニュウ</t>
    </rPh>
    <rPh sb="67" eb="69">
      <t>タイショウ</t>
    </rPh>
    <rPh sb="72" eb="74">
      <t>シセツ</t>
    </rPh>
    <rPh sb="75" eb="77">
      <t>フクスウ</t>
    </rPh>
    <rPh sb="79" eb="81">
      <t>バアイ</t>
    </rPh>
    <rPh sb="85" eb="87">
      <t>ハッチュウ</t>
    </rPh>
    <rPh sb="90" eb="92">
      <t>フクスウ</t>
    </rPh>
    <rPh sb="93" eb="95">
      <t>シセツ</t>
    </rPh>
    <rPh sb="96" eb="98">
      <t>タイショウ</t>
    </rPh>
    <rPh sb="101" eb="103">
      <t>バアイ</t>
    </rPh>
    <rPh sb="104" eb="105">
      <t>フク</t>
    </rPh>
    <rPh sb="122" eb="126">
      <t>カンリキノウ</t>
    </rPh>
    <rPh sb="127" eb="131">
      <t>ドウニュウジョウキョウ</t>
    </rPh>
    <rPh sb="135" eb="136">
      <t>ギョウ</t>
    </rPh>
    <rPh sb="142" eb="143">
      <t>シタ</t>
    </rPh>
    <rPh sb="144" eb="146">
      <t>ツイカ</t>
    </rPh>
    <phoneticPr fontId="7"/>
  </si>
  <si>
    <t>R３</t>
    <phoneticPr fontId="7"/>
  </si>
  <si>
    <r>
      <t xml:space="preserve">環境配慮契約（裾切り方式）の実施情報及び契約事業者の情報
</t>
    </r>
    <r>
      <rPr>
        <b/>
        <u/>
        <sz val="11"/>
        <color indexed="10"/>
        <rFont val="ＭＳ Ｐゴシック"/>
        <family val="3"/>
        <charset val="128"/>
      </rPr>
      <t>※「契約方式」の項目が「A」の場合、必ず記入してください。
（最終保障契約が「○」の場合は不要）</t>
    </r>
    <rPh sb="0" eb="2">
      <t>カンキョウ</t>
    </rPh>
    <rPh sb="2" eb="4">
      <t>ハイリョ</t>
    </rPh>
    <rPh sb="4" eb="6">
      <t>ケイヤク</t>
    </rPh>
    <rPh sb="7" eb="9">
      <t>スソキ</t>
    </rPh>
    <rPh sb="10" eb="12">
      <t>ホウシキ</t>
    </rPh>
    <rPh sb="14" eb="16">
      <t>ジッシ</t>
    </rPh>
    <rPh sb="18" eb="19">
      <t>オヨ</t>
    </rPh>
    <rPh sb="20" eb="22">
      <t>ケイヤク</t>
    </rPh>
    <rPh sb="22" eb="25">
      <t>ジギョウシャ</t>
    </rPh>
    <rPh sb="26" eb="28">
      <t>ジョウホウ</t>
    </rPh>
    <rPh sb="47" eb="48">
      <t>カナラ</t>
    </rPh>
    <rPh sb="60" eb="62">
      <t>サイシュウ</t>
    </rPh>
    <rPh sb="62" eb="64">
      <t>ホショウ</t>
    </rPh>
    <rPh sb="64" eb="66">
      <t>ケイヤク</t>
    </rPh>
    <rPh sb="71" eb="73">
      <t>バアイ</t>
    </rPh>
    <rPh sb="74" eb="76">
      <t>フヨウ</t>
    </rPh>
    <phoneticPr fontId="7"/>
  </si>
  <si>
    <r>
      <t xml:space="preserve">少額随契の内容
</t>
    </r>
    <r>
      <rPr>
        <b/>
        <sz val="10"/>
        <color indexed="10"/>
        <rFont val="ＭＳ Ｐゴシック"/>
        <family val="3"/>
        <charset val="128"/>
      </rPr>
      <t>※「E」の場合</t>
    </r>
    <r>
      <rPr>
        <b/>
        <sz val="10"/>
        <rFont val="ＭＳ Ｐゴシック"/>
        <family val="3"/>
        <charset val="128"/>
      </rPr>
      <t xml:space="preserve">
</t>
    </r>
    <r>
      <rPr>
        <b/>
        <sz val="10"/>
        <color rgb="FFFF0000"/>
        <rFont val="ＭＳ Ｐゴシック"/>
        <family val="3"/>
        <charset val="128"/>
      </rPr>
      <t>（最終保障契約が「○」の場合は不要）</t>
    </r>
    <rPh sb="0" eb="2">
      <t>ショウガク</t>
    </rPh>
    <rPh sb="2" eb="4">
      <t>ズイケイ</t>
    </rPh>
    <rPh sb="5" eb="7">
      <t>ナイヨウ</t>
    </rPh>
    <rPh sb="13" eb="15">
      <t>バアイ</t>
    </rPh>
    <phoneticPr fontId="7"/>
  </si>
  <si>
    <t>例6</t>
    <rPh sb="0" eb="1">
      <t>レイ</t>
    </rPh>
    <phoneticPr fontId="7"/>
  </si>
  <si>
    <t>××作業所</t>
    <rPh sb="2" eb="4">
      <t>サギョウ</t>
    </rPh>
    <rPh sb="4" eb="5">
      <t>ショ</t>
    </rPh>
    <phoneticPr fontId="7"/>
  </si>
  <si>
    <t>◎東京電力パワーグリッド株式会社</t>
    <phoneticPr fontId="7"/>
  </si>
  <si>
    <t>東京電力パワーグリッド株式会社</t>
  </si>
  <si>
    <r>
      <t xml:space="preserve">環境配慮契約（裾切り方式）未実施の詳細
</t>
    </r>
    <r>
      <rPr>
        <b/>
        <u/>
        <sz val="12"/>
        <color indexed="10"/>
        <rFont val="ＭＳ Ｐゴシック"/>
        <family val="3"/>
        <charset val="128"/>
      </rPr>
      <t>※「契約方式」の項目が「C」または「Ｄ]の場合は、必ず記入してください。
（最終保障契約が「○」であっても、要記入）</t>
    </r>
    <rPh sb="0" eb="2">
      <t>カンキョウ</t>
    </rPh>
    <rPh sb="2" eb="4">
      <t>ハイリョ</t>
    </rPh>
    <rPh sb="4" eb="6">
      <t>ケイヤク</t>
    </rPh>
    <rPh sb="7" eb="8">
      <t>スソ</t>
    </rPh>
    <rPh sb="8" eb="9">
      <t>ギ</t>
    </rPh>
    <rPh sb="10" eb="12">
      <t>ホウシキ</t>
    </rPh>
    <rPh sb="13" eb="16">
      <t>ミジッシ</t>
    </rPh>
    <rPh sb="17" eb="19">
      <t>ショウサイ</t>
    </rPh>
    <rPh sb="45" eb="46">
      <t>カナラ</t>
    </rPh>
    <rPh sb="74" eb="75">
      <t>ヨウ</t>
    </rPh>
    <rPh sb="75" eb="77">
      <t>キニュウ</t>
    </rPh>
    <phoneticPr fontId="7"/>
  </si>
  <si>
    <r>
      <rPr>
        <u/>
        <sz val="11"/>
        <color indexed="10"/>
        <rFont val="ＭＳ ゴシック"/>
        <family val="3"/>
        <charset val="128"/>
      </rPr>
      <t>「環境配慮契約（裾切り方式）の情報」の各欄は、「契約方式」の選択肢において「Ａ」を選択した場合に必ず記入</t>
    </r>
    <r>
      <rPr>
        <sz val="11"/>
        <rFont val="ＭＳ ゴシック"/>
        <family val="3"/>
        <charset val="128"/>
      </rPr>
      <t>してください。ただし、</t>
    </r>
    <r>
      <rPr>
        <u/>
        <sz val="11"/>
        <color rgb="FFFF0000"/>
        <rFont val="ＭＳ ゴシック"/>
        <family val="3"/>
        <charset val="128"/>
      </rPr>
      <t>最終保障契約欄が「○」の場合は記入不要</t>
    </r>
    <r>
      <rPr>
        <sz val="11"/>
        <rFont val="ＭＳ ゴシック"/>
        <family val="3"/>
        <charset val="128"/>
      </rPr>
      <t>です。
　回答に当たっては、裾切り方式において求めた適合証明書等の情報を記入してください。
「未利用エネルギー活用状況」及び「再生可能エネルギー導入状況」の欄には契約事業者の実績値（単位はパーセンテージ。値の切捨て方法は以下のとおり）を記入してください。「未利用エネルギー活用状況及び再生可能エネルギー導入状況の実績年度」の欄にはそれぞれの値の実績年度を記入してください。
「未利用エネルギー活用状況」･･･小数点以下第４位を切り捨て、小数点以下第３位まで記入
「再生可能エネルギー導入状況」･･･小数点以下第２位を切り捨て、小数点以下第１位まで記入</t>
    </r>
    <rPh sb="19" eb="20">
      <t>カク</t>
    </rPh>
    <rPh sb="20" eb="21">
      <t>ラン</t>
    </rPh>
    <rPh sb="24" eb="26">
      <t>ケイヤク</t>
    </rPh>
    <rPh sb="26" eb="28">
      <t>ホウシキ</t>
    </rPh>
    <rPh sb="30" eb="33">
      <t>センタクシ</t>
    </rPh>
    <rPh sb="41" eb="43">
      <t>センタク</t>
    </rPh>
    <rPh sb="45" eb="47">
      <t>バアイ</t>
    </rPh>
    <rPh sb="48" eb="49">
      <t>カナラ</t>
    </rPh>
    <rPh sb="50" eb="52">
      <t>キニュウ</t>
    </rPh>
    <rPh sb="87" eb="89">
      <t>カイトウ</t>
    </rPh>
    <rPh sb="90" eb="91">
      <t>ア</t>
    </rPh>
    <rPh sb="96" eb="98">
      <t>スソキ</t>
    </rPh>
    <rPh sb="99" eb="101">
      <t>ホウシキ</t>
    </rPh>
    <rPh sb="105" eb="106">
      <t>モト</t>
    </rPh>
    <rPh sb="108" eb="110">
      <t>テキゴウ</t>
    </rPh>
    <rPh sb="110" eb="113">
      <t>ショウメイショ</t>
    </rPh>
    <rPh sb="113" eb="114">
      <t>トウ</t>
    </rPh>
    <rPh sb="115" eb="117">
      <t>ジョウホウ</t>
    </rPh>
    <rPh sb="118" eb="120">
      <t>キニュウ</t>
    </rPh>
    <phoneticPr fontId="7"/>
  </si>
  <si>
    <t>最終保障供給</t>
    <rPh sb="0" eb="2">
      <t>サイシュウ</t>
    </rPh>
    <rPh sb="2" eb="4">
      <t>ホショウ</t>
    </rPh>
    <rPh sb="4" eb="6">
      <t>キョウキュウ</t>
    </rPh>
    <phoneticPr fontId="7"/>
  </si>
  <si>
    <r>
      <t>「環境配慮契約（裾切り方式）未実施の詳細」の各欄は、「契約方式」の選択肢において「Ｃ」または「Ｄ」を選択した場合に必ず記入</t>
    </r>
    <r>
      <rPr>
        <sz val="11"/>
        <rFont val="ＭＳ ゴシック"/>
        <family val="3"/>
        <charset val="128"/>
      </rPr>
      <t>してください。</t>
    </r>
    <r>
      <rPr>
        <u/>
        <sz val="11"/>
        <color rgb="FFFF0000"/>
        <rFont val="ＭＳ ゴシック"/>
        <family val="3"/>
        <charset val="128"/>
      </rPr>
      <t>最終保障供給欄が「○」であっても、必ず記入</t>
    </r>
    <r>
      <rPr>
        <sz val="11"/>
        <rFont val="ＭＳ ゴシック"/>
        <family val="3"/>
        <charset val="128"/>
      </rPr>
      <t>してください。</t>
    </r>
    <r>
      <rPr>
        <u/>
        <sz val="11"/>
        <color indexed="10"/>
        <rFont val="ＭＳ ゴシック"/>
        <family val="3"/>
        <charset val="128"/>
      </rPr>
      <t xml:space="preserve">
</t>
    </r>
    <r>
      <rPr>
        <sz val="11"/>
        <rFont val="ＭＳ ゴシック"/>
        <family val="3"/>
        <charset val="128"/>
      </rPr>
      <t>「裾切り方式未実施の理由」を選択肢から選んでください。「その他」の場合は具体的な理由を記入してください。「沖縄電力管内及び離島地域であり、電力供給会社が３者に満たないため」は、原則、沖縄県及び離島（本州等と電力系統が接続されていない離島に限る）のみが該当します。「緊急的・臨時的な契約のため」は、仮設施設（２箇年以上利用する施設を除く）の契約、突発的で短期間の契約などが該当します。「長期契約期間中のため」の「長期契約」は、複数年に渡る期間の定めがある契約を想定しており、</t>
    </r>
    <r>
      <rPr>
        <u/>
        <sz val="11"/>
        <color rgb="FFFF0000"/>
        <rFont val="ＭＳ ゴシック"/>
        <family val="3"/>
        <charset val="128"/>
      </rPr>
      <t>期間の定めがない契約、自動更新等による契約は対象としていません。</t>
    </r>
    <r>
      <rPr>
        <sz val="11"/>
        <rFont val="ＭＳ ゴシック"/>
        <family val="3"/>
        <charset val="128"/>
      </rPr>
      <t>また、長期契約であっても調査対象期間に契約始期がある場合は該当しません。
「今後の見通し」を選択肢から選んでください。また、裾切り方式の実施に向けての課題と感じることがある場合は、「実施に向けての課題」の欄に具体的に記入してください。
「実施困難」を選択した場合は「実施困難な理由」の欄に、その理由を具体的に記入してください。</t>
    </r>
    <rPh sb="22" eb="23">
      <t>カク</t>
    </rPh>
    <rPh sb="23" eb="24">
      <t>ラン</t>
    </rPh>
    <rPh sb="27" eb="29">
      <t>ケイヤク</t>
    </rPh>
    <rPh sb="29" eb="31">
      <t>ホウシキ</t>
    </rPh>
    <rPh sb="33" eb="36">
      <t>センタクシ</t>
    </rPh>
    <rPh sb="50" eb="52">
      <t>センタク</t>
    </rPh>
    <rPh sb="54" eb="56">
      <t>バアイ</t>
    </rPh>
    <rPh sb="57" eb="58">
      <t>カナラ</t>
    </rPh>
    <rPh sb="59" eb="61">
      <t>キニュウ</t>
    </rPh>
    <rPh sb="68" eb="70">
      <t>サイシュウ</t>
    </rPh>
    <rPh sb="70" eb="72">
      <t>ホショウ</t>
    </rPh>
    <rPh sb="85" eb="86">
      <t>カナラ</t>
    </rPh>
    <rPh sb="87" eb="89">
      <t>キニュウ</t>
    </rPh>
    <rPh sb="127" eb="128">
      <t>タ</t>
    </rPh>
    <rPh sb="130" eb="132">
      <t>バアイ</t>
    </rPh>
    <rPh sb="133" eb="136">
      <t>グタイテキ</t>
    </rPh>
    <rPh sb="137" eb="139">
      <t>リユウ</t>
    </rPh>
    <rPh sb="140" eb="142">
      <t>キニュウ</t>
    </rPh>
    <rPh sb="185" eb="187">
      <t>ゲンソク</t>
    </rPh>
    <rPh sb="188" eb="191">
      <t>オキナワケン</t>
    </rPh>
    <rPh sb="191" eb="192">
      <t>オヨ</t>
    </rPh>
    <rPh sb="193" eb="195">
      <t>リトウ</t>
    </rPh>
    <rPh sb="196" eb="198">
      <t>ホンシュウ</t>
    </rPh>
    <rPh sb="198" eb="199">
      <t>トウ</t>
    </rPh>
    <rPh sb="200" eb="202">
      <t>デンリョク</t>
    </rPh>
    <rPh sb="202" eb="204">
      <t>ケイトウ</t>
    </rPh>
    <rPh sb="205" eb="207">
      <t>セツゾク</t>
    </rPh>
    <rPh sb="213" eb="215">
      <t>リトウ</t>
    </rPh>
    <rPh sb="216" eb="217">
      <t>カギ</t>
    </rPh>
    <rPh sb="222" eb="224">
      <t>ガイトウ</t>
    </rPh>
    <rPh sb="266" eb="268">
      <t>ケイヤク</t>
    </rPh>
    <rPh sb="282" eb="284">
      <t>ガイトウ</t>
    </rPh>
    <rPh sb="302" eb="304">
      <t>チョウキ</t>
    </rPh>
    <rPh sb="304" eb="306">
      <t>ケイヤク</t>
    </rPh>
    <rPh sb="309" eb="311">
      <t>フクスウ</t>
    </rPh>
    <rPh sb="311" eb="312">
      <t>ネン</t>
    </rPh>
    <rPh sb="313" eb="314">
      <t>ワタ</t>
    </rPh>
    <rPh sb="315" eb="317">
      <t>キカン</t>
    </rPh>
    <rPh sb="318" eb="319">
      <t>サダ</t>
    </rPh>
    <rPh sb="323" eb="325">
      <t>ケイヤク</t>
    </rPh>
    <rPh sb="326" eb="328">
      <t>ソウテイ</t>
    </rPh>
    <rPh sb="333" eb="335">
      <t>キカン</t>
    </rPh>
    <rPh sb="336" eb="337">
      <t>サダ</t>
    </rPh>
    <rPh sb="341" eb="343">
      <t>ケイヤク</t>
    </rPh>
    <rPh sb="344" eb="346">
      <t>ジドウ</t>
    </rPh>
    <rPh sb="346" eb="348">
      <t>コウシン</t>
    </rPh>
    <rPh sb="348" eb="349">
      <t>トウ</t>
    </rPh>
    <rPh sb="352" eb="354">
      <t>ケイヤク</t>
    </rPh>
    <rPh sb="355" eb="357">
      <t>タイショウ</t>
    </rPh>
    <rPh sb="368" eb="370">
      <t>チョウキ</t>
    </rPh>
    <rPh sb="370" eb="372">
      <t>ケイヤク</t>
    </rPh>
    <rPh sb="377" eb="379">
      <t>チョウサ</t>
    </rPh>
    <rPh sb="379" eb="381">
      <t>タイショウ</t>
    </rPh>
    <rPh sb="381" eb="383">
      <t>キカン</t>
    </rPh>
    <rPh sb="384" eb="386">
      <t>ケイヤク</t>
    </rPh>
    <rPh sb="386" eb="388">
      <t>シキ</t>
    </rPh>
    <rPh sb="391" eb="393">
      <t>バアイ</t>
    </rPh>
    <rPh sb="394" eb="396">
      <t>ガイトウ</t>
    </rPh>
    <rPh sb="427" eb="429">
      <t>スソキ</t>
    </rPh>
    <rPh sb="430" eb="432">
      <t>ホウシキ</t>
    </rPh>
    <rPh sb="433" eb="435">
      <t>ジッシ</t>
    </rPh>
    <rPh sb="436" eb="437">
      <t>ム</t>
    </rPh>
    <rPh sb="440" eb="442">
      <t>カダイ</t>
    </rPh>
    <rPh sb="443" eb="444">
      <t>カン</t>
    </rPh>
    <rPh sb="451" eb="453">
      <t>バアイ</t>
    </rPh>
    <rPh sb="467" eb="468">
      <t>ラン</t>
    </rPh>
    <rPh sb="469" eb="472">
      <t>グタイテキ</t>
    </rPh>
    <rPh sb="473" eb="475">
      <t>キニュウ</t>
    </rPh>
    <rPh sb="498" eb="500">
      <t>ジッシ</t>
    </rPh>
    <rPh sb="500" eb="502">
      <t>コンナン</t>
    </rPh>
    <rPh sb="503" eb="505">
      <t>リユウ</t>
    </rPh>
    <rPh sb="515" eb="518">
      <t>グタイテキ</t>
    </rPh>
    <rPh sb="519" eb="521">
      <t>キニュウ</t>
    </rPh>
    <phoneticPr fontId="7"/>
  </si>
  <si>
    <r>
      <t>「少額随契の内容」の欄は、「契約方式」の選択肢において「Ｅ」を選択した場合に必ず記入</t>
    </r>
    <r>
      <rPr>
        <sz val="11"/>
        <rFont val="ＭＳ ゴシック"/>
        <family val="3"/>
        <charset val="128"/>
      </rPr>
      <t>してください。ただし、</t>
    </r>
    <r>
      <rPr>
        <u/>
        <sz val="11"/>
        <color rgb="FFFF0000"/>
        <rFont val="ＭＳ ゴシック"/>
        <family val="3"/>
        <charset val="128"/>
      </rPr>
      <t>最終保障供給欄が「○」の場合は記入不要</t>
    </r>
    <r>
      <rPr>
        <sz val="11"/>
        <rFont val="ＭＳ ゴシック"/>
        <family val="3"/>
        <charset val="128"/>
      </rPr>
      <t>です。</t>
    </r>
    <r>
      <rPr>
        <u/>
        <sz val="11"/>
        <color indexed="10"/>
        <rFont val="ＭＳ ゴシック"/>
        <family val="3"/>
        <charset val="128"/>
      </rPr>
      <t xml:space="preserve">
</t>
    </r>
    <r>
      <rPr>
        <sz val="11"/>
        <rFont val="ＭＳ ゴシック"/>
        <family val="3"/>
        <charset val="128"/>
      </rPr>
      <t>「少額随契における環境配慮契約の実施の有無」の欄は、二酸化炭素排出係数の低い者を選定して見積を徴収するなどの環境に配慮した随意契約を実施している場合に「○印」を選択してください。
「一括発注の検討状況」の欄は、環境配慮契約の実施に向け、周辺施設等と契約を取りまとめ一括発注することの検討状況を「実施予定」、「検討中」、「未検討」、「実施困難」の中から選択してください。
「予決令、会計規程等に基づく少額随契可能な基準額（万円）」の欄は、予算決算及び会計令又は当該機関の会計規程等においてその金額未満であれば少額を理由に随意契約が可能とされる金額を万円単位で記入してください。</t>
    </r>
    <rPh sb="6" eb="8">
      <t>ナイヨウ</t>
    </rPh>
    <rPh sb="10" eb="11">
      <t>ラン</t>
    </rPh>
    <rPh sb="14" eb="16">
      <t>ケイヤク</t>
    </rPh>
    <rPh sb="16" eb="18">
      <t>ホウシキ</t>
    </rPh>
    <rPh sb="20" eb="23">
      <t>センタクシ</t>
    </rPh>
    <rPh sb="31" eb="33">
      <t>センタク</t>
    </rPh>
    <rPh sb="35" eb="37">
      <t>バアイ</t>
    </rPh>
    <rPh sb="38" eb="39">
      <t>カナラ</t>
    </rPh>
    <rPh sb="40" eb="42">
      <t>キニュウ</t>
    </rPh>
    <rPh sb="53" eb="55">
      <t>サイシュウ</t>
    </rPh>
    <rPh sb="55" eb="57">
      <t>ホショウ</t>
    </rPh>
    <rPh sb="65" eb="67">
      <t>バアイ</t>
    </rPh>
    <rPh sb="68" eb="70">
      <t>キニュウ</t>
    </rPh>
    <rPh sb="70" eb="72">
      <t>フヨウ</t>
    </rPh>
    <rPh sb="85" eb="91">
      <t>カンキョウハイリョケイヤク</t>
    </rPh>
    <rPh sb="92" eb="94">
      <t>ジッシ</t>
    </rPh>
    <rPh sb="95" eb="97">
      <t>ウム</t>
    </rPh>
    <rPh sb="99" eb="100">
      <t>ラン</t>
    </rPh>
    <rPh sb="142" eb="144">
      <t>ジッシ</t>
    </rPh>
    <rPh sb="148" eb="150">
      <t>バアイ</t>
    </rPh>
    <rPh sb="153" eb="154">
      <t>シルシ</t>
    </rPh>
    <rPh sb="156" eb="158">
      <t>センタク</t>
    </rPh>
    <rPh sb="167" eb="169">
      <t>イッカツ</t>
    </rPh>
    <rPh sb="169" eb="171">
      <t>ハッチュウ</t>
    </rPh>
    <rPh sb="172" eb="174">
      <t>ケントウ</t>
    </rPh>
    <rPh sb="174" eb="176">
      <t>ジョウキョウ</t>
    </rPh>
    <rPh sb="178" eb="179">
      <t>ラン</t>
    </rPh>
    <rPh sb="194" eb="196">
      <t>シュウヘン</t>
    </rPh>
    <rPh sb="196" eb="198">
      <t>シセツ</t>
    </rPh>
    <rPh sb="198" eb="199">
      <t>トウ</t>
    </rPh>
    <rPh sb="200" eb="202">
      <t>ケイヤク</t>
    </rPh>
    <rPh sb="203" eb="204">
      <t>ト</t>
    </rPh>
    <rPh sb="208" eb="210">
      <t>イッカツ</t>
    </rPh>
    <rPh sb="210" eb="212">
      <t>ハッチュウ</t>
    </rPh>
    <rPh sb="217" eb="219">
      <t>ケントウ</t>
    </rPh>
    <rPh sb="219" eb="221">
      <t>ジョウキョウ</t>
    </rPh>
    <rPh sb="223" eb="225">
      <t>ジッシ</t>
    </rPh>
    <rPh sb="225" eb="227">
      <t>ヨテイ</t>
    </rPh>
    <rPh sb="230" eb="233">
      <t>ケントウチュウ</t>
    </rPh>
    <rPh sb="236" eb="239">
      <t>ミケントウ</t>
    </rPh>
    <rPh sb="242" eb="244">
      <t>ジッシ</t>
    </rPh>
    <rPh sb="244" eb="246">
      <t>コンナン</t>
    </rPh>
    <rPh sb="248" eb="249">
      <t>ナカ</t>
    </rPh>
    <rPh sb="251" eb="253">
      <t>センタク</t>
    </rPh>
    <rPh sb="262" eb="264">
      <t>ヨケツ</t>
    </rPh>
    <rPh sb="264" eb="265">
      <t>レイ</t>
    </rPh>
    <rPh sb="266" eb="270">
      <t>カイケイキテイ</t>
    </rPh>
    <rPh sb="279" eb="281">
      <t>カノウ</t>
    </rPh>
    <rPh sb="286" eb="287">
      <t>マン</t>
    </rPh>
    <rPh sb="291" eb="292">
      <t>ラン</t>
    </rPh>
    <rPh sb="294" eb="296">
      <t>ヨサン</t>
    </rPh>
    <rPh sb="296" eb="298">
      <t>ケッサン</t>
    </rPh>
    <rPh sb="298" eb="299">
      <t>オヨ</t>
    </rPh>
    <rPh sb="300" eb="302">
      <t>カイケイ</t>
    </rPh>
    <rPh sb="302" eb="303">
      <t>レイ</t>
    </rPh>
    <rPh sb="303" eb="304">
      <t>マタ</t>
    </rPh>
    <rPh sb="321" eb="323">
      <t>キンガク</t>
    </rPh>
    <rPh sb="323" eb="325">
      <t>ミマン</t>
    </rPh>
    <rPh sb="332" eb="334">
      <t>リユウ</t>
    </rPh>
    <rPh sb="335" eb="337">
      <t>ズイイ</t>
    </rPh>
    <rPh sb="337" eb="339">
      <t>ケイヤク</t>
    </rPh>
    <rPh sb="340" eb="342">
      <t>カノウ</t>
    </rPh>
    <rPh sb="346" eb="348">
      <t>キンガク</t>
    </rPh>
    <rPh sb="349" eb="351">
      <t>マンエン</t>
    </rPh>
    <rPh sb="351" eb="353">
      <t>タンイ</t>
    </rPh>
    <rPh sb="354" eb="356">
      <t>キニュウ</t>
    </rPh>
    <phoneticPr fontId="7"/>
  </si>
  <si>
    <t>「（２）総合評価落札方式を採用しなかった理由」は購入の場合と賃貸借の場合に分けて、理由別に台数を記入してください。また、「その他」の場合は、それぞれの理由を記入してください。</t>
    <rPh sb="24" eb="26">
      <t>コウニュウ</t>
    </rPh>
    <rPh sb="27" eb="29">
      <t>バアイ</t>
    </rPh>
    <rPh sb="30" eb="33">
      <t>チンタイシャク</t>
    </rPh>
    <rPh sb="34" eb="36">
      <t>バアイ</t>
    </rPh>
    <rPh sb="37" eb="38">
      <t>ワ</t>
    </rPh>
    <rPh sb="41" eb="43">
      <t>リユウ</t>
    </rPh>
    <rPh sb="43" eb="44">
      <t>ベツ</t>
    </rPh>
    <rPh sb="45" eb="47">
      <t>ダイスウ</t>
    </rPh>
    <rPh sb="48" eb="50">
      <t>キニュウ</t>
    </rPh>
    <rPh sb="63" eb="64">
      <t>タ</t>
    </rPh>
    <rPh sb="66" eb="68">
      <t>バアイ</t>
    </rPh>
    <rPh sb="75" eb="77">
      <t>リユウ</t>
    </rPh>
    <rPh sb="78" eb="80">
      <t>キニュウ</t>
    </rPh>
    <phoneticPr fontId="7"/>
  </si>
  <si>
    <t>記入に当たっての留意点は、【1-2】電気（高圧・特別高圧）と同じです。ただし、低圧の場合の最終保障供給とは小売電気事業者の倒産や事業撤退により契約切替を余儀なくされた場合などが該当し、みなし小売電気事業者（旧一般電気事業者）から供給を受ける場合とします。</t>
    <rPh sb="0" eb="2">
      <t>キニュウ</t>
    </rPh>
    <rPh sb="3" eb="4">
      <t>ア</t>
    </rPh>
    <rPh sb="8" eb="11">
      <t>リュウイテン</t>
    </rPh>
    <rPh sb="18" eb="20">
      <t>デンキ</t>
    </rPh>
    <rPh sb="21" eb="23">
      <t>コウアツ</t>
    </rPh>
    <rPh sb="24" eb="26">
      <t>トクベツ</t>
    </rPh>
    <rPh sb="26" eb="28">
      <t>コウアツ</t>
    </rPh>
    <rPh sb="30" eb="31">
      <t>オナ</t>
    </rPh>
    <rPh sb="39" eb="41">
      <t>テイアツ</t>
    </rPh>
    <rPh sb="42" eb="44">
      <t>バアイ</t>
    </rPh>
    <rPh sb="45" eb="51">
      <t>サイシュウホショウキョウキュウ</t>
    </rPh>
    <rPh sb="83" eb="85">
      <t>バアイ</t>
    </rPh>
    <rPh sb="88" eb="90">
      <t>ガイトウ</t>
    </rPh>
    <rPh sb="95" eb="102">
      <t>コウリデンキジギョウシャ</t>
    </rPh>
    <rPh sb="103" eb="106">
      <t>キュウイッパン</t>
    </rPh>
    <rPh sb="106" eb="111">
      <t>デンキジギョウシャ</t>
    </rPh>
    <rPh sb="114" eb="116">
      <t>キョウキュウ</t>
    </rPh>
    <rPh sb="117" eb="118">
      <t>ウ</t>
    </rPh>
    <rPh sb="120" eb="122">
      <t>バアイ</t>
    </rPh>
    <phoneticPr fontId="7"/>
  </si>
  <si>
    <t>R6.4～R7.3</t>
    <phoneticPr fontId="7"/>
  </si>
  <si>
    <t>R6.10～R6.12</t>
    <phoneticPr fontId="7"/>
  </si>
  <si>
    <t>一般事務庁舎</t>
    <rPh sb="0" eb="6">
      <t>イッパンジムチョウシャ</t>
    </rPh>
    <phoneticPr fontId="119"/>
  </si>
  <si>
    <r>
      <rPr>
        <sz val="11"/>
        <rFont val="ＭＳ ゴシック"/>
        <family val="3"/>
        <charset val="128"/>
      </rPr>
      <t>名称</t>
    </r>
    <rPh sb="0" eb="2">
      <t>メイショウ</t>
    </rPh>
    <phoneticPr fontId="7"/>
  </si>
  <si>
    <r>
      <rPr>
        <sz val="11"/>
        <rFont val="ＭＳ ゴシック"/>
        <family val="3"/>
        <charset val="128"/>
      </rPr>
      <t>建物棟数</t>
    </r>
    <rPh sb="0" eb="2">
      <t>タテモノ</t>
    </rPh>
    <rPh sb="2" eb="3">
      <t>ムネ</t>
    </rPh>
    <rPh sb="3" eb="4">
      <t>スウ</t>
    </rPh>
    <phoneticPr fontId="7"/>
  </si>
  <si>
    <r>
      <rPr>
        <sz val="11"/>
        <rFont val="ＭＳ ゴシック"/>
        <family val="3"/>
        <charset val="128"/>
      </rPr>
      <t>棟</t>
    </r>
    <rPh sb="0" eb="1">
      <t>ムネ</t>
    </rPh>
    <phoneticPr fontId="119"/>
  </si>
  <si>
    <r>
      <rPr>
        <sz val="11"/>
        <rFont val="ＭＳ ゴシック"/>
        <family val="3"/>
        <charset val="128"/>
      </rPr>
      <t>調達機関</t>
    </r>
    <rPh sb="0" eb="4">
      <t>チョウタツキカン</t>
    </rPh>
    <phoneticPr fontId="7"/>
  </si>
  <si>
    <r>
      <rPr>
        <sz val="11"/>
        <rFont val="ＭＳ ゴシック"/>
        <family val="3"/>
        <charset val="128"/>
      </rPr>
      <t>管理官署</t>
    </r>
    <rPh sb="0" eb="2">
      <t>カンリ</t>
    </rPh>
    <rPh sb="2" eb="4">
      <t>カンショ</t>
    </rPh>
    <phoneticPr fontId="7"/>
  </si>
  <si>
    <r>
      <rPr>
        <sz val="11"/>
        <rFont val="ＭＳ ゴシック"/>
        <family val="3"/>
        <charset val="128"/>
      </rPr>
      <t>所在地</t>
    </r>
    <rPh sb="0" eb="3">
      <t>ショザイチ</t>
    </rPh>
    <phoneticPr fontId="7"/>
  </si>
  <si>
    <r>
      <rPr>
        <sz val="9"/>
        <rFont val="ＭＳ ゴシック"/>
        <family val="3"/>
        <charset val="128"/>
      </rPr>
      <t>都道府県</t>
    </r>
    <rPh sb="0" eb="4">
      <t>トドウフケン</t>
    </rPh>
    <phoneticPr fontId="119"/>
  </si>
  <si>
    <t>福岡県</t>
    <rPh sb="0" eb="3">
      <t>フクオカケン</t>
    </rPh>
    <phoneticPr fontId="6"/>
  </si>
  <si>
    <r>
      <rPr>
        <sz val="14"/>
        <rFont val="ＭＳ ゴシック"/>
        <family val="3"/>
        <charset val="128"/>
      </rPr>
      <t>⇒</t>
    </r>
    <phoneticPr fontId="119"/>
  </si>
  <si>
    <r>
      <rPr>
        <sz val="11"/>
        <rFont val="ＭＳ ゴシック"/>
        <family val="3"/>
        <charset val="128"/>
      </rPr>
      <t>地域区分</t>
    </r>
    <rPh sb="0" eb="4">
      <t>チイキクブン</t>
    </rPh>
    <phoneticPr fontId="119"/>
  </si>
  <si>
    <r>
      <t xml:space="preserve"> </t>
    </r>
    <r>
      <rPr>
        <sz val="11"/>
        <rFont val="ＭＳ ゴシック"/>
        <family val="3"/>
        <charset val="128"/>
      </rPr>
      <t>㎡</t>
    </r>
    <phoneticPr fontId="7"/>
  </si>
  <si>
    <r>
      <rPr>
        <sz val="11"/>
        <rFont val="ＭＳ ゴシック"/>
        <family val="3"/>
        <charset val="128"/>
      </rPr>
      <t>面積区分</t>
    </r>
    <rPh sb="0" eb="4">
      <t>メンセキクブン</t>
    </rPh>
    <phoneticPr fontId="7"/>
  </si>
  <si>
    <r>
      <rPr>
        <b/>
        <sz val="12"/>
        <rFont val="ＭＳ ゴシック"/>
        <family val="3"/>
        <charset val="128"/>
      </rPr>
      <t>エネルギー使用量</t>
    </r>
    <rPh sb="5" eb="8">
      <t>シヨウリョウ</t>
    </rPh>
    <phoneticPr fontId="119"/>
  </si>
  <si>
    <t>熱量換算</t>
    <rPh sb="0" eb="2">
      <t>ネツリョウ</t>
    </rPh>
    <rPh sb="2" eb="4">
      <t>カンサン</t>
    </rPh>
    <phoneticPr fontId="119"/>
  </si>
  <si>
    <r>
      <t>GHG</t>
    </r>
    <r>
      <rPr>
        <b/>
        <sz val="12"/>
        <rFont val="ＭＳ ゴシック"/>
        <family val="3"/>
        <charset val="128"/>
      </rPr>
      <t>換算</t>
    </r>
    <rPh sb="3" eb="5">
      <t>カンサン</t>
    </rPh>
    <phoneticPr fontId="119"/>
  </si>
  <si>
    <r>
      <rPr>
        <sz val="11"/>
        <rFont val="ＭＳ ゴシック"/>
        <family val="3"/>
        <charset val="128"/>
      </rPr>
      <t>種別</t>
    </r>
    <rPh sb="0" eb="2">
      <t>シュベツ</t>
    </rPh>
    <phoneticPr fontId="7"/>
  </si>
  <si>
    <r>
      <t xml:space="preserve">単位
</t>
    </r>
    <r>
      <rPr>
        <sz val="9"/>
        <rFont val="ＭＳ ゴシック"/>
        <family val="3"/>
        <charset val="128"/>
      </rPr>
      <t>（注１）</t>
    </r>
    <rPh sb="0" eb="2">
      <t>タンイ</t>
    </rPh>
    <rPh sb="4" eb="5">
      <t>チュウ</t>
    </rPh>
    <phoneticPr fontId="7"/>
  </si>
  <si>
    <r>
      <rPr>
        <sz val="11"/>
        <rFont val="ＭＳ ゴシック"/>
        <family val="3"/>
        <charset val="128"/>
      </rPr>
      <t>係数</t>
    </r>
    <rPh sb="0" eb="2">
      <t>ケイスウ</t>
    </rPh>
    <phoneticPr fontId="7"/>
  </si>
  <si>
    <r>
      <rPr>
        <sz val="11"/>
        <rFont val="ＭＳ ゴシック"/>
        <family val="3"/>
        <charset val="128"/>
      </rPr>
      <t xml:space="preserve">熱量
</t>
    </r>
    <r>
      <rPr>
        <sz val="9"/>
        <rFont val="ＭＳ ゴシック"/>
        <family val="3"/>
        <charset val="128"/>
      </rPr>
      <t>（</t>
    </r>
    <r>
      <rPr>
        <sz val="9"/>
        <rFont val="Verdana"/>
        <family val="2"/>
      </rPr>
      <t>GJ)</t>
    </r>
    <rPh sb="0" eb="2">
      <t>ネツリョウ</t>
    </rPh>
    <phoneticPr fontId="7"/>
  </si>
  <si>
    <r>
      <t>GHG</t>
    </r>
    <r>
      <rPr>
        <sz val="11"/>
        <rFont val="ＭＳ ゴシック"/>
        <family val="3"/>
        <charset val="128"/>
      </rPr>
      <t xml:space="preserve">排出量
</t>
    </r>
    <r>
      <rPr>
        <sz val="9"/>
        <rFont val="Verdana"/>
        <family val="2"/>
      </rPr>
      <t>(tCO2)</t>
    </r>
    <rPh sb="3" eb="6">
      <t>ハイシュツリョウ</t>
    </rPh>
    <phoneticPr fontId="7"/>
  </si>
  <si>
    <r>
      <rPr>
        <sz val="11"/>
        <rFont val="ＭＳ ゴシック"/>
        <family val="3"/>
        <charset val="128"/>
      </rPr>
      <t>電気</t>
    </r>
    <rPh sb="0" eb="2">
      <t>デンキ</t>
    </rPh>
    <phoneticPr fontId="7"/>
  </si>
  <si>
    <t>kWh</t>
  </si>
  <si>
    <r>
      <rPr>
        <sz val="11"/>
        <rFont val="ＭＳ ゴシック"/>
        <family val="3"/>
        <charset val="128"/>
      </rPr>
      <t>都市ガス</t>
    </r>
    <rPh sb="0" eb="2">
      <t>トシ</t>
    </rPh>
    <phoneticPr fontId="7"/>
  </si>
  <si>
    <t>㎥</t>
  </si>
  <si>
    <r>
      <t>LP</t>
    </r>
    <r>
      <rPr>
        <sz val="11"/>
        <rFont val="ＭＳ ゴシック"/>
        <family val="3"/>
        <charset val="128"/>
      </rPr>
      <t>ガス</t>
    </r>
    <phoneticPr fontId="7"/>
  </si>
  <si>
    <r>
      <rPr>
        <sz val="11"/>
        <rFont val="ＭＳ ゴシック"/>
        <family val="3"/>
        <charset val="128"/>
      </rPr>
      <t>熱</t>
    </r>
    <rPh sb="0" eb="1">
      <t>ネツ</t>
    </rPh>
    <phoneticPr fontId="7"/>
  </si>
  <si>
    <t>GJ</t>
    <phoneticPr fontId="119"/>
  </si>
  <si>
    <r>
      <rPr>
        <sz val="8"/>
        <rFont val="ＭＳ ゴシック"/>
        <family val="3"/>
        <charset val="128"/>
      </rPr>
      <t>－</t>
    </r>
    <phoneticPr fontId="119"/>
  </si>
  <si>
    <r>
      <rPr>
        <sz val="11"/>
        <rFont val="ＭＳ ゴシック"/>
        <family val="3"/>
        <charset val="128"/>
      </rPr>
      <t>灯油</t>
    </r>
    <rPh sb="0" eb="2">
      <t>トウユ</t>
    </rPh>
    <phoneticPr fontId="7"/>
  </si>
  <si>
    <t>kL</t>
  </si>
  <si>
    <r>
      <rPr>
        <sz val="11"/>
        <rFont val="ＭＳ ゴシック"/>
        <family val="3"/>
        <charset val="128"/>
      </rPr>
      <t>軽油</t>
    </r>
    <rPh sb="0" eb="2">
      <t>ケイユ</t>
    </rPh>
    <phoneticPr fontId="7"/>
  </si>
  <si>
    <r>
      <rPr>
        <sz val="11"/>
        <rFont val="ＭＳ ゴシック"/>
        <family val="3"/>
        <charset val="128"/>
      </rPr>
      <t>Ａ重油</t>
    </r>
    <rPh sb="1" eb="3">
      <t>ジュウユ</t>
    </rPh>
    <phoneticPr fontId="7"/>
  </si>
  <si>
    <r>
      <rPr>
        <b/>
        <sz val="12"/>
        <rFont val="ＭＳ ゴシック"/>
        <family val="3"/>
        <charset val="128"/>
      </rPr>
      <t>合　　計</t>
    </r>
    <rPh sb="0" eb="1">
      <t>ア</t>
    </rPh>
    <rPh sb="3" eb="4">
      <t>ケイ</t>
    </rPh>
    <phoneticPr fontId="7"/>
  </si>
  <si>
    <t>原単位（単位面積当たり）</t>
    <rPh sb="0" eb="3">
      <t>ゲンタンイ</t>
    </rPh>
    <rPh sb="4" eb="6">
      <t>タンイ</t>
    </rPh>
    <rPh sb="6" eb="8">
      <t>メンセキ</t>
    </rPh>
    <rPh sb="8" eb="9">
      <t>ア</t>
    </rPh>
    <phoneticPr fontId="7"/>
  </si>
  <si>
    <r>
      <rPr>
        <sz val="10"/>
        <rFont val="Verdana"/>
        <family val="2"/>
      </rPr>
      <t>MJ/</t>
    </r>
    <r>
      <rPr>
        <sz val="10"/>
        <rFont val="Microsoft YaHei"/>
        <family val="2"/>
        <charset val="134"/>
      </rPr>
      <t>㎡</t>
    </r>
    <phoneticPr fontId="119"/>
  </si>
  <si>
    <r>
      <t>kg-CO</t>
    </r>
    <r>
      <rPr>
        <sz val="8"/>
        <rFont val="Verdana"/>
        <family val="2"/>
      </rPr>
      <t>2</t>
    </r>
    <r>
      <rPr>
        <sz val="10"/>
        <rFont val="Verdana"/>
        <family val="2"/>
      </rPr>
      <t>/</t>
    </r>
    <r>
      <rPr>
        <sz val="10"/>
        <rFont val="ＭＳ Ｐゴシック"/>
        <family val="2"/>
        <charset val="128"/>
      </rPr>
      <t>㎡</t>
    </r>
    <phoneticPr fontId="119"/>
  </si>
  <si>
    <r>
      <rPr>
        <b/>
        <sz val="12"/>
        <rFont val="ＭＳ ゴシック"/>
        <family val="3"/>
        <charset val="128"/>
      </rPr>
      <t>地域</t>
    </r>
    <r>
      <rPr>
        <b/>
        <sz val="12"/>
        <rFont val="Verdana"/>
        <family val="2"/>
      </rPr>
      <t>×</t>
    </r>
    <r>
      <rPr>
        <b/>
        <sz val="12"/>
        <rFont val="ＭＳ ゴシック"/>
        <family val="3"/>
        <charset val="128"/>
      </rPr>
      <t>規模補正（係数、補正後）</t>
    </r>
    <rPh sb="0" eb="2">
      <t>チイキ</t>
    </rPh>
    <rPh sb="3" eb="5">
      <t>キボ</t>
    </rPh>
    <rPh sb="5" eb="7">
      <t>ホセイ</t>
    </rPh>
    <rPh sb="8" eb="10">
      <t>ケイスウ</t>
    </rPh>
    <rPh sb="11" eb="14">
      <t>ホセイゴ</t>
    </rPh>
    <phoneticPr fontId="7"/>
  </si>
  <si>
    <t>等　級　評　価</t>
    <rPh sb="0" eb="1">
      <t>ナド</t>
    </rPh>
    <rPh sb="2" eb="3">
      <t>キュウ</t>
    </rPh>
    <rPh sb="4" eb="5">
      <t>ヒョウ</t>
    </rPh>
    <rPh sb="6" eb="7">
      <t>アタイ</t>
    </rPh>
    <phoneticPr fontId="7"/>
  </si>
  <si>
    <r>
      <rPr>
        <b/>
        <sz val="11"/>
        <rFont val="ＭＳ ゴシック"/>
        <family val="2"/>
        <charset val="128"/>
      </rPr>
      <t>いずれかの
等級評価が</t>
    </r>
    <r>
      <rPr>
        <b/>
        <sz val="11"/>
        <rFont val="Verdana"/>
        <family val="2"/>
      </rPr>
      <t xml:space="preserve">
</t>
    </r>
    <r>
      <rPr>
        <b/>
        <sz val="11"/>
        <color rgb="FFFF0000"/>
        <rFont val="Verdana"/>
        <family val="2"/>
      </rPr>
      <t>E</t>
    </r>
    <r>
      <rPr>
        <b/>
        <sz val="11"/>
        <rFont val="ＭＳ ゴシック"/>
        <family val="2"/>
        <charset val="128"/>
      </rPr>
      <t>又は</t>
    </r>
    <r>
      <rPr>
        <b/>
        <sz val="11"/>
        <color rgb="FFFF0000"/>
        <rFont val="Verdana"/>
        <family val="2"/>
      </rPr>
      <t>E-</t>
    </r>
    <r>
      <rPr>
        <b/>
        <sz val="11"/>
        <rFont val="ＭＳ ゴシック"/>
        <family val="2"/>
        <charset val="128"/>
      </rPr>
      <t>の
場合は
理由を記載</t>
    </r>
    <rPh sb="6" eb="10">
      <t>トウキュウヒョウカ</t>
    </rPh>
    <rPh sb="13" eb="14">
      <t>マタ</t>
    </rPh>
    <rPh sb="19" eb="21">
      <t>バアイ</t>
    </rPh>
    <rPh sb="23" eb="25">
      <t>リユウ</t>
    </rPh>
    <rPh sb="26" eb="28">
      <t>キサイ</t>
    </rPh>
    <phoneticPr fontId="119"/>
  </si>
  <si>
    <t xml:space="preserve"> 赤枠の箇所はリストから選択可能</t>
    <rPh sb="1" eb="3">
      <t>アカワク</t>
    </rPh>
    <rPh sb="4" eb="6">
      <t>カショ</t>
    </rPh>
    <rPh sb="12" eb="16">
      <t>センタクカノウ</t>
    </rPh>
    <phoneticPr fontId="119"/>
  </si>
  <si>
    <t>１．地域</t>
    <rPh sb="2" eb="4">
      <t>チイキ</t>
    </rPh>
    <phoneticPr fontId="119"/>
  </si>
  <si>
    <t>２．延床面積</t>
    <rPh sb="2" eb="6">
      <t>ノベユカメンセキ</t>
    </rPh>
    <phoneticPr fontId="119"/>
  </si>
  <si>
    <t>３．面積×地域</t>
    <rPh sb="2" eb="4">
      <t>メンセキ</t>
    </rPh>
    <rPh sb="5" eb="7">
      <t>チイキ</t>
    </rPh>
    <phoneticPr fontId="119"/>
  </si>
  <si>
    <t>４．評価値</t>
    <rPh sb="2" eb="4">
      <t>ヒョウカ</t>
    </rPh>
    <rPh sb="4" eb="5">
      <t>チ</t>
    </rPh>
    <phoneticPr fontId="119"/>
  </si>
  <si>
    <t>１－１．地域区分</t>
    <rPh sb="4" eb="8">
      <t>チイキクブン</t>
    </rPh>
    <phoneticPr fontId="119"/>
  </si>
  <si>
    <t>１－２．都道府県</t>
    <rPh sb="4" eb="8">
      <t>トドウフケン</t>
    </rPh>
    <phoneticPr fontId="119"/>
  </si>
  <si>
    <t>以上</t>
    <rPh sb="0" eb="2">
      <t>イジョウ</t>
    </rPh>
    <phoneticPr fontId="119"/>
  </si>
  <si>
    <t>未満</t>
    <rPh sb="0" eb="2">
      <t>ミマン</t>
    </rPh>
    <phoneticPr fontId="119"/>
  </si>
  <si>
    <t>区分</t>
    <rPh sb="0" eb="2">
      <t>クブン</t>
    </rPh>
    <phoneticPr fontId="119"/>
  </si>
  <si>
    <t>インデックス</t>
    <phoneticPr fontId="119"/>
  </si>
  <si>
    <t>北海道</t>
    <rPh sb="0" eb="3">
      <t>ホッカイドウ</t>
    </rPh>
    <phoneticPr fontId="107"/>
  </si>
  <si>
    <t>東北</t>
  </si>
  <si>
    <t>関東</t>
    <rPh sb="0" eb="2">
      <t>カントウ</t>
    </rPh>
    <phoneticPr fontId="107"/>
  </si>
  <si>
    <t>北陸</t>
  </si>
  <si>
    <t>近畿</t>
  </si>
  <si>
    <t>中国</t>
    <rPh sb="0" eb="2">
      <t>チュウゴク</t>
    </rPh>
    <phoneticPr fontId="107"/>
  </si>
  <si>
    <t>四国</t>
  </si>
  <si>
    <t>九州・沖縄</t>
    <rPh sb="0" eb="2">
      <t>キュウシュウ</t>
    </rPh>
    <rPh sb="3" eb="5">
      <t>オキナワ</t>
    </rPh>
    <phoneticPr fontId="107"/>
  </si>
  <si>
    <t>４－１．エネルギー</t>
    <phoneticPr fontId="119"/>
  </si>
  <si>
    <t>北海道</t>
    <rPh sb="0" eb="3">
      <t>ホッカイドウ</t>
    </rPh>
    <phoneticPr fontId="119"/>
  </si>
  <si>
    <t>北海道</t>
    <rPh sb="0" eb="3">
      <t>ホッカイドウ</t>
    </rPh>
    <phoneticPr fontId="6"/>
  </si>
  <si>
    <t>以上</t>
    <rPh sb="0" eb="2">
      <t>イジョウ</t>
    </rPh>
    <phoneticPr fontId="107"/>
  </si>
  <si>
    <t>未満</t>
    <rPh sb="0" eb="2">
      <t>ミマン</t>
    </rPh>
    <phoneticPr fontId="107"/>
  </si>
  <si>
    <t>評価</t>
    <rPh sb="0" eb="2">
      <t>ヒョウカ</t>
    </rPh>
    <phoneticPr fontId="119"/>
  </si>
  <si>
    <t>東北</t>
    <rPh sb="0" eb="2">
      <t>トウホク</t>
    </rPh>
    <phoneticPr fontId="119"/>
  </si>
  <si>
    <t>青森県</t>
    <rPh sb="0" eb="3">
      <t>アオモリケン</t>
    </rPh>
    <phoneticPr fontId="6"/>
  </si>
  <si>
    <t>Ａ+</t>
    <phoneticPr fontId="119"/>
  </si>
  <si>
    <t>関東</t>
    <rPh sb="0" eb="2">
      <t>カントウ</t>
    </rPh>
    <phoneticPr fontId="119"/>
  </si>
  <si>
    <t>岩手県</t>
    <rPh sb="0" eb="3">
      <t>イワテケン</t>
    </rPh>
    <phoneticPr fontId="6"/>
  </si>
  <si>
    <t>A</t>
    <phoneticPr fontId="119"/>
  </si>
  <si>
    <t>A</t>
    <phoneticPr fontId="119"/>
  </si>
  <si>
    <t>北陸</t>
    <rPh sb="0" eb="2">
      <t>ホクリク</t>
    </rPh>
    <phoneticPr fontId="119"/>
  </si>
  <si>
    <t>宮城県</t>
    <rPh sb="0" eb="3">
      <t>ミヤギケン</t>
    </rPh>
    <phoneticPr fontId="6"/>
  </si>
  <si>
    <t>B+</t>
    <phoneticPr fontId="119"/>
  </si>
  <si>
    <t>B+</t>
    <phoneticPr fontId="119"/>
  </si>
  <si>
    <t>中部</t>
    <rPh sb="0" eb="2">
      <t>チュウブ</t>
    </rPh>
    <phoneticPr fontId="119"/>
  </si>
  <si>
    <t>秋田県</t>
    <rPh sb="0" eb="3">
      <t>アキタケン</t>
    </rPh>
    <phoneticPr fontId="6"/>
  </si>
  <si>
    <t>B</t>
    <phoneticPr fontId="119"/>
  </si>
  <si>
    <t>B</t>
    <phoneticPr fontId="119"/>
  </si>
  <si>
    <t>近畿</t>
    <rPh sb="0" eb="2">
      <t>キンキ</t>
    </rPh>
    <phoneticPr fontId="119"/>
  </si>
  <si>
    <t>山形県</t>
    <rPh sb="0" eb="3">
      <t>ヤマガタケン</t>
    </rPh>
    <phoneticPr fontId="6"/>
  </si>
  <si>
    <t>C+</t>
    <phoneticPr fontId="119"/>
  </si>
  <si>
    <t>C+</t>
    <phoneticPr fontId="119"/>
  </si>
  <si>
    <t>中国</t>
    <rPh sb="0" eb="2">
      <t>チュウゴク</t>
    </rPh>
    <phoneticPr fontId="119"/>
  </si>
  <si>
    <t>福島県</t>
    <rPh sb="0" eb="3">
      <t>フクシマケン</t>
    </rPh>
    <phoneticPr fontId="6"/>
  </si>
  <si>
    <t>C-</t>
    <phoneticPr fontId="119"/>
  </si>
  <si>
    <t>C-</t>
    <phoneticPr fontId="119"/>
  </si>
  <si>
    <t>四国</t>
    <rPh sb="0" eb="2">
      <t>シコク</t>
    </rPh>
    <phoneticPr fontId="119"/>
  </si>
  <si>
    <t>茨城県</t>
    <rPh sb="0" eb="3">
      <t>イバラキケン</t>
    </rPh>
    <phoneticPr fontId="6"/>
  </si>
  <si>
    <t>D</t>
    <phoneticPr fontId="119"/>
  </si>
  <si>
    <t>D</t>
    <phoneticPr fontId="119"/>
  </si>
  <si>
    <t>九州・沖縄</t>
    <rPh sb="0" eb="2">
      <t>キュウシュウ</t>
    </rPh>
    <rPh sb="3" eb="5">
      <t>オキナワ</t>
    </rPh>
    <phoneticPr fontId="119"/>
  </si>
  <si>
    <t>栃木県</t>
    <rPh sb="0" eb="3">
      <t>トチギケン</t>
    </rPh>
    <phoneticPr fontId="6"/>
  </si>
  <si>
    <t>D-</t>
    <phoneticPr fontId="119"/>
  </si>
  <si>
    <t>D-</t>
    <phoneticPr fontId="119"/>
  </si>
  <si>
    <t>群馬県</t>
    <rPh sb="0" eb="3">
      <t>グンマケン</t>
    </rPh>
    <phoneticPr fontId="6"/>
  </si>
  <si>
    <t>E</t>
    <phoneticPr fontId="119"/>
  </si>
  <si>
    <t>埼玉県</t>
    <rPh sb="0" eb="3">
      <t>サイタマケン</t>
    </rPh>
    <phoneticPr fontId="6"/>
  </si>
  <si>
    <t>E-</t>
    <phoneticPr fontId="119"/>
  </si>
  <si>
    <t>千葉県</t>
    <rPh sb="0" eb="3">
      <t>チバケン</t>
    </rPh>
    <phoneticPr fontId="6"/>
  </si>
  <si>
    <t>東京都</t>
    <rPh sb="0" eb="2">
      <t>トウキョウ</t>
    </rPh>
    <rPh sb="2" eb="3">
      <t>ト</t>
    </rPh>
    <phoneticPr fontId="6"/>
  </si>
  <si>
    <t>神奈川県</t>
    <rPh sb="0" eb="4">
      <t>カナガワケン</t>
    </rPh>
    <phoneticPr fontId="6"/>
  </si>
  <si>
    <t>新潟県</t>
    <rPh sb="0" eb="3">
      <t>ニイガタケン</t>
    </rPh>
    <phoneticPr fontId="6"/>
  </si>
  <si>
    <t>kWh</t>
    <phoneticPr fontId="119"/>
  </si>
  <si>
    <t>㎥</t>
    <phoneticPr fontId="119"/>
  </si>
  <si>
    <t>L</t>
    <phoneticPr fontId="119"/>
  </si>
  <si>
    <t>富山県</t>
    <rPh sb="0" eb="3">
      <t>トヤマケン</t>
    </rPh>
    <phoneticPr fontId="6"/>
  </si>
  <si>
    <t>千kWh</t>
    <rPh sb="0" eb="1">
      <t>セン</t>
    </rPh>
    <phoneticPr fontId="119"/>
  </si>
  <si>
    <t>千㎥</t>
    <rPh sb="0" eb="1">
      <t>セン</t>
    </rPh>
    <phoneticPr fontId="119"/>
  </si>
  <si>
    <t>kL</t>
    <phoneticPr fontId="119"/>
  </si>
  <si>
    <t>合同庁舎</t>
    <rPh sb="0" eb="4">
      <t>ゴウドウチョウシャ</t>
    </rPh>
    <phoneticPr fontId="119"/>
  </si>
  <si>
    <t>石川県</t>
    <rPh sb="0" eb="3">
      <t>イシカワケン</t>
    </rPh>
    <phoneticPr fontId="6"/>
  </si>
  <si>
    <t>試験研究施設</t>
    <rPh sb="0" eb="4">
      <t>シケンケンキュウ</t>
    </rPh>
    <rPh sb="4" eb="6">
      <t>シセツ</t>
    </rPh>
    <phoneticPr fontId="119"/>
  </si>
  <si>
    <t>福井県</t>
    <rPh sb="0" eb="3">
      <t>フクイケン</t>
    </rPh>
    <phoneticPr fontId="6"/>
  </si>
  <si>
    <t>kg</t>
    <phoneticPr fontId="119"/>
  </si>
  <si>
    <t>大学・高専</t>
    <rPh sb="0" eb="2">
      <t>ダイガク</t>
    </rPh>
    <rPh sb="3" eb="5">
      <t>コウセン</t>
    </rPh>
    <phoneticPr fontId="119"/>
  </si>
  <si>
    <t>山梨県</t>
    <rPh sb="0" eb="3">
      <t>ヤマナシケン</t>
    </rPh>
    <phoneticPr fontId="6"/>
  </si>
  <si>
    <t>t</t>
    <phoneticPr fontId="119"/>
  </si>
  <si>
    <t>病院</t>
    <rPh sb="0" eb="2">
      <t>ビョウイン</t>
    </rPh>
    <phoneticPr fontId="119"/>
  </si>
  <si>
    <t>長野県</t>
    <rPh sb="0" eb="3">
      <t>ナガノケン</t>
    </rPh>
    <phoneticPr fontId="6"/>
  </si>
  <si>
    <t>その他</t>
    <rPh sb="2" eb="3">
      <t>タ</t>
    </rPh>
    <phoneticPr fontId="119"/>
  </si>
  <si>
    <t>岐阜県</t>
    <rPh sb="0" eb="3">
      <t>ギフケン</t>
    </rPh>
    <phoneticPr fontId="6"/>
  </si>
  <si>
    <t>静岡県</t>
    <rPh sb="0" eb="3">
      <t>シズオカケン</t>
    </rPh>
    <phoneticPr fontId="6"/>
  </si>
  <si>
    <t>愛知県</t>
    <rPh sb="0" eb="3">
      <t>アイチケン</t>
    </rPh>
    <phoneticPr fontId="6"/>
  </si>
  <si>
    <t>三重県</t>
    <rPh sb="0" eb="3">
      <t>ミエケン</t>
    </rPh>
    <phoneticPr fontId="6"/>
  </si>
  <si>
    <t>滋賀県</t>
    <rPh sb="0" eb="3">
      <t>シガケン</t>
    </rPh>
    <phoneticPr fontId="6"/>
  </si>
  <si>
    <t>京都府</t>
    <rPh sb="0" eb="3">
      <t>キョウトフ</t>
    </rPh>
    <phoneticPr fontId="6"/>
  </si>
  <si>
    <t>大阪府</t>
    <rPh sb="0" eb="3">
      <t>オオサカフ</t>
    </rPh>
    <phoneticPr fontId="6"/>
  </si>
  <si>
    <t>兵庫県</t>
    <rPh sb="0" eb="3">
      <t>ヒョウゴケン</t>
    </rPh>
    <phoneticPr fontId="6"/>
  </si>
  <si>
    <t>奈良県</t>
    <rPh sb="0" eb="3">
      <t>ナラケン</t>
    </rPh>
    <phoneticPr fontId="6"/>
  </si>
  <si>
    <t>和歌山県</t>
    <rPh sb="0" eb="4">
      <t>ワカヤマケン</t>
    </rPh>
    <phoneticPr fontId="6"/>
  </si>
  <si>
    <t>鳥取県</t>
    <rPh sb="0" eb="3">
      <t>トットリケン</t>
    </rPh>
    <phoneticPr fontId="6"/>
  </si>
  <si>
    <t>島根県</t>
    <rPh sb="0" eb="3">
      <t>シマネケン</t>
    </rPh>
    <phoneticPr fontId="6"/>
  </si>
  <si>
    <t>岡山県</t>
    <rPh sb="0" eb="3">
      <t>オカヤマケン</t>
    </rPh>
    <phoneticPr fontId="6"/>
  </si>
  <si>
    <t>広島県</t>
    <rPh sb="0" eb="3">
      <t>ヒロシマケン</t>
    </rPh>
    <phoneticPr fontId="6"/>
  </si>
  <si>
    <t>山口県</t>
    <rPh sb="0" eb="3">
      <t>ヤマグチケン</t>
    </rPh>
    <phoneticPr fontId="6"/>
  </si>
  <si>
    <t>徳島県</t>
    <rPh sb="0" eb="3">
      <t>トクシマケン</t>
    </rPh>
    <phoneticPr fontId="6"/>
  </si>
  <si>
    <t>香川県</t>
    <rPh sb="0" eb="3">
      <t>カガワケン</t>
    </rPh>
    <phoneticPr fontId="6"/>
  </si>
  <si>
    <t>愛媛県</t>
    <rPh sb="0" eb="3">
      <t>エヒメケン</t>
    </rPh>
    <phoneticPr fontId="6"/>
  </si>
  <si>
    <t>高知県</t>
    <rPh sb="0" eb="3">
      <t>コウチケン</t>
    </rPh>
    <phoneticPr fontId="6"/>
  </si>
  <si>
    <t>佐賀県</t>
    <rPh sb="0" eb="3">
      <t>サガケン</t>
    </rPh>
    <phoneticPr fontId="6"/>
  </si>
  <si>
    <t>長崎県</t>
    <rPh sb="0" eb="3">
      <t>ナガサキケン</t>
    </rPh>
    <phoneticPr fontId="6"/>
  </si>
  <si>
    <t>熊本県</t>
    <rPh sb="0" eb="3">
      <t>クマモトケン</t>
    </rPh>
    <phoneticPr fontId="6"/>
  </si>
  <si>
    <t>大分県</t>
    <rPh sb="0" eb="3">
      <t>オオイタケン</t>
    </rPh>
    <phoneticPr fontId="6"/>
  </si>
  <si>
    <t>宮崎県</t>
    <rPh sb="0" eb="3">
      <t>ミヤザキケン</t>
    </rPh>
    <phoneticPr fontId="6"/>
  </si>
  <si>
    <t>鹿児島県</t>
    <rPh sb="0" eb="4">
      <t>カゴシマケン</t>
    </rPh>
    <phoneticPr fontId="6"/>
  </si>
  <si>
    <t>沖縄県</t>
    <rPh sb="0" eb="3">
      <t>オキナワケン</t>
    </rPh>
    <phoneticPr fontId="119"/>
  </si>
  <si>
    <t>施設情報</t>
    <rPh sb="0" eb="4">
      <t>シセツジョウホウ</t>
    </rPh>
    <phoneticPr fontId="119"/>
  </si>
  <si>
    <t>エネルギー使用状況</t>
  </si>
  <si>
    <r>
      <t xml:space="preserve">延床面積
</t>
    </r>
    <r>
      <rPr>
        <sz val="8"/>
        <color rgb="FF0070C0"/>
        <rFont val="ＭＳ ゴシック"/>
        <family val="3"/>
        <charset val="128"/>
      </rPr>
      <t>※建物が複数ある場合は合算</t>
    </r>
    <rPh sb="0" eb="4">
      <t>ノベユカメンセキ</t>
    </rPh>
    <phoneticPr fontId="7"/>
  </si>
  <si>
    <r>
      <t>空気調和設備の形式</t>
    </r>
    <r>
      <rPr>
        <sz val="8"/>
        <color rgb="FF0070C0"/>
        <rFont val="ＭＳ Ｐゴシック"/>
        <family val="3"/>
        <charset val="128"/>
      </rPr>
      <t>（代表する施設のみ）</t>
    </r>
    <rPh sb="7" eb="9">
      <t>ケイシキ</t>
    </rPh>
    <rPh sb="10" eb="12">
      <t>ダイヒョウ</t>
    </rPh>
    <rPh sb="14" eb="16">
      <t>シセツ</t>
    </rPh>
    <phoneticPr fontId="7"/>
  </si>
  <si>
    <r>
      <t>中央監視制御装置の形式</t>
    </r>
    <r>
      <rPr>
        <sz val="6"/>
        <color rgb="FF0070C0"/>
        <rFont val="ＭＳ Ｐゴシック"/>
        <family val="3"/>
        <charset val="128"/>
      </rPr>
      <t>（代表する施設のみ）</t>
    </r>
    <rPh sb="0" eb="4">
      <t>チュウオウカンシ</t>
    </rPh>
    <rPh sb="4" eb="8">
      <t>セイギョソウチ</t>
    </rPh>
    <rPh sb="9" eb="11">
      <t>ケイシキ</t>
    </rPh>
    <rPh sb="12" eb="14">
      <t>ダイヒョウ</t>
    </rPh>
    <rPh sb="16" eb="18">
      <t>シセツ</t>
    </rPh>
    <phoneticPr fontId="7"/>
  </si>
  <si>
    <r>
      <t>施設管理体制</t>
    </r>
    <r>
      <rPr>
        <sz val="9"/>
        <color rgb="FF0070C0"/>
        <rFont val="ＭＳ Ｐゴシック"/>
        <family val="3"/>
        <charset val="128"/>
      </rPr>
      <t>（代表する施設のみ）</t>
    </r>
    <rPh sb="0" eb="2">
      <t>シセツ</t>
    </rPh>
    <rPh sb="2" eb="6">
      <t>カンリタイセイ</t>
    </rPh>
    <rPh sb="7" eb="9">
      <t>ダイヒョウ</t>
    </rPh>
    <rPh sb="11" eb="13">
      <t>シセツ</t>
    </rPh>
    <phoneticPr fontId="7"/>
  </si>
  <si>
    <r>
      <t xml:space="preserve">使用量
</t>
    </r>
    <r>
      <rPr>
        <sz val="8"/>
        <color rgb="FF0070C0"/>
        <rFont val="ＭＳ ゴシック"/>
        <family val="3"/>
        <charset val="128"/>
      </rPr>
      <t>※建物が複数ある</t>
    </r>
    <r>
      <rPr>
        <sz val="8"/>
        <color rgb="FFFF0000"/>
        <rFont val="ＭＳ ゴシック"/>
        <family val="3"/>
        <charset val="128"/>
      </rPr>
      <t xml:space="preserve">
</t>
    </r>
    <r>
      <rPr>
        <sz val="8"/>
        <color rgb="FF0070C0"/>
        <rFont val="ＭＳ ゴシック"/>
        <family val="3"/>
        <charset val="128"/>
      </rPr>
      <t>　 場合は合算</t>
    </r>
    <rPh sb="0" eb="3">
      <t>シヨウリョウ</t>
    </rPh>
    <rPh sb="5" eb="7">
      <t>タテモノ</t>
    </rPh>
    <rPh sb="8" eb="10">
      <t>フクスウ</t>
    </rPh>
    <rPh sb="15" eb="17">
      <t>バアイ</t>
    </rPh>
    <rPh sb="18" eb="20">
      <t>ガッサン</t>
    </rPh>
    <phoneticPr fontId="7"/>
  </si>
  <si>
    <r>
      <t xml:space="preserve">排出係数
</t>
    </r>
    <r>
      <rPr>
        <b/>
        <sz val="9"/>
        <rFont val="ＭＳ ゴシック"/>
        <family val="3"/>
        <charset val="128"/>
      </rPr>
      <t>(注２)</t>
    </r>
    <rPh sb="0" eb="2">
      <t>ハイシュツ</t>
    </rPh>
    <rPh sb="2" eb="4">
      <t>ケイスウ</t>
    </rPh>
    <rPh sb="6" eb="7">
      <t>チュウ</t>
    </rPh>
    <phoneticPr fontId="7"/>
  </si>
  <si>
    <t>中部</t>
    <rPh sb="0" eb="2">
      <t>チュウブ</t>
    </rPh>
    <phoneticPr fontId="107"/>
  </si>
  <si>
    <t>施設番号</t>
    <rPh sb="0" eb="2">
      <t>シセツ</t>
    </rPh>
    <rPh sb="2" eb="4">
      <t>バンゴウ</t>
    </rPh>
    <phoneticPr fontId="7"/>
  </si>
  <si>
    <t>←複数の施設を入力する場合はこの行以降を複写して、施設番号を変更してください。</t>
    <rPh sb="1" eb="3">
      <t>フクスウ</t>
    </rPh>
    <rPh sb="4" eb="6">
      <t>シセツ</t>
    </rPh>
    <rPh sb="7" eb="9">
      <t>ニュウリョク</t>
    </rPh>
    <rPh sb="11" eb="13">
      <t>バアイ</t>
    </rPh>
    <rPh sb="16" eb="17">
      <t>ギョウ</t>
    </rPh>
    <rPh sb="17" eb="19">
      <t>イコウ</t>
    </rPh>
    <rPh sb="20" eb="22">
      <t>フクシャ</t>
    </rPh>
    <rPh sb="25" eb="29">
      <t>シセツバンゴウ</t>
    </rPh>
    <rPh sb="30" eb="32">
      <t>ヘンコウ</t>
    </rPh>
    <phoneticPr fontId="7"/>
  </si>
  <si>
    <t>合計</t>
    <rPh sb="0" eb="2">
      <t>ゴウケイ</t>
    </rPh>
    <phoneticPr fontId="7"/>
  </si>
  <si>
    <t>建物１</t>
    <rPh sb="0" eb="2">
      <t>タテモノ</t>
    </rPh>
    <phoneticPr fontId="7"/>
  </si>
  <si>
    <t>建物２</t>
    <rPh sb="0" eb="2">
      <t>タテモノ</t>
    </rPh>
    <phoneticPr fontId="7"/>
  </si>
  <si>
    <t>建物３</t>
    <rPh sb="0" eb="2">
      <t>タテモノ</t>
    </rPh>
    <phoneticPr fontId="7"/>
  </si>
  <si>
    <t>建物４</t>
    <rPh sb="0" eb="2">
      <t>タテモノ</t>
    </rPh>
    <phoneticPr fontId="7"/>
  </si>
  <si>
    <t>建物５</t>
    <rPh sb="0" eb="2">
      <t>タテモノ</t>
    </rPh>
    <phoneticPr fontId="7"/>
  </si>
  <si>
    <t>建物６</t>
    <rPh sb="0" eb="2">
      <t>タテモノ</t>
    </rPh>
    <phoneticPr fontId="7"/>
  </si>
  <si>
    <t>建物７</t>
    <rPh sb="0" eb="2">
      <t>タテモノ</t>
    </rPh>
    <phoneticPr fontId="7"/>
  </si>
  <si>
    <t>エバーグリーン・マーケティング株式会社</t>
  </si>
  <si>
    <t>エフビットコミュニケーションズ株式会社</t>
  </si>
  <si>
    <t>レジル株式会社</t>
  </si>
  <si>
    <t>伊藤忠エネクス株式会社</t>
  </si>
  <si>
    <t>株式会社ＦＰＳ</t>
  </si>
  <si>
    <t>株式会社Ｕ－ＰＯＷＥＲ</t>
  </si>
  <si>
    <t>岐阜電力株式会社</t>
  </si>
  <si>
    <t>日本エネルギー総合システム株式会社</t>
  </si>
  <si>
    <t>鈴与商事株式会社</t>
  </si>
  <si>
    <t>鈴与電力株式会社</t>
  </si>
  <si>
    <t>A0016</t>
  </si>
  <si>
    <t>A0611</t>
  </si>
  <si>
    <t>A0006</t>
  </si>
  <si>
    <t>A0049</t>
  </si>
  <si>
    <t>A0035</t>
  </si>
  <si>
    <t>A0086</t>
  </si>
  <si>
    <t>A0229</t>
  </si>
  <si>
    <t>A0603</t>
  </si>
  <si>
    <t>A0368</t>
  </si>
  <si>
    <t>A0355</t>
  </si>
  <si>
    <t>A0043</t>
  </si>
  <si>
    <t>A0826</t>
  </si>
  <si>
    <t>A0007</t>
  </si>
  <si>
    <t>A0213</t>
  </si>
  <si>
    <t>A0045</t>
  </si>
  <si>
    <t>A0009</t>
  </si>
  <si>
    <t>A0698</t>
  </si>
  <si>
    <t>A0149</t>
  </si>
  <si>
    <t>A0820</t>
  </si>
  <si>
    <t>A0138</t>
  </si>
  <si>
    <t>A0031</t>
  </si>
  <si>
    <t>A0193</t>
  </si>
  <si>
    <t>A0330</t>
  </si>
  <si>
    <t>A0011</t>
  </si>
  <si>
    <t>A0170</t>
  </si>
  <si>
    <t>A0020</t>
  </si>
  <si>
    <t>A0064</t>
  </si>
  <si>
    <t>A0519</t>
  </si>
  <si>
    <t>A0181</t>
  </si>
  <si>
    <t>A0506</t>
  </si>
  <si>
    <t>【合計値算出用】
　　※個別建物のエネルギー使用量は不要ですので、合計値が判明している場合は記入不要</t>
    <rPh sb="1" eb="4">
      <t>ゴウケイチ</t>
    </rPh>
    <rPh sb="4" eb="7">
      <t>サンシュツヨウ</t>
    </rPh>
    <rPh sb="12" eb="14">
      <t>コベツ</t>
    </rPh>
    <rPh sb="14" eb="16">
      <t>タテモノ</t>
    </rPh>
    <rPh sb="22" eb="25">
      <t>シヨウリョウ</t>
    </rPh>
    <rPh sb="26" eb="28">
      <t>フヨウ</t>
    </rPh>
    <rPh sb="33" eb="36">
      <t>ゴウケイチ</t>
    </rPh>
    <rPh sb="37" eb="39">
      <t>ハンメイ</t>
    </rPh>
    <rPh sb="43" eb="45">
      <t>バアイ</t>
    </rPh>
    <rPh sb="46" eb="50">
      <t>キニュウフヨウ</t>
    </rPh>
    <phoneticPr fontId="7"/>
  </si>
  <si>
    <t>L</t>
  </si>
  <si>
    <t>kg</t>
  </si>
  <si>
    <t>注　</t>
    <rPh sb="0" eb="1">
      <t>チュウ</t>
    </rPh>
    <phoneticPr fontId="7"/>
  </si>
  <si>
    <t>３－１A．一般事務庁舎（エネルギー）</t>
    <rPh sb="5" eb="7">
      <t>イッパン</t>
    </rPh>
    <rPh sb="7" eb="9">
      <t>ジム</t>
    </rPh>
    <rPh sb="9" eb="11">
      <t>チョウシャ</t>
    </rPh>
    <phoneticPr fontId="119"/>
  </si>
  <si>
    <t>３－２A．合同庁舎（エネルギー）</t>
    <rPh sb="5" eb="7">
      <t>ゴウドウ</t>
    </rPh>
    <rPh sb="7" eb="9">
      <t>チョウシャ</t>
    </rPh>
    <phoneticPr fontId="119"/>
  </si>
  <si>
    <t>３－１B．一般事務庁舎（ＧＨＧ）</t>
    <rPh sb="5" eb="7">
      <t>イッパン</t>
    </rPh>
    <rPh sb="7" eb="9">
      <t>ジム</t>
    </rPh>
    <rPh sb="9" eb="11">
      <t>チョウシャ</t>
    </rPh>
    <phoneticPr fontId="119"/>
  </si>
  <si>
    <t xml:space="preserve"> 人</t>
    <rPh sb="1" eb="2">
      <t>ニン</t>
    </rPh>
    <phoneticPr fontId="7"/>
  </si>
  <si>
    <r>
      <t xml:space="preserve">入居人員
</t>
    </r>
    <r>
      <rPr>
        <sz val="6"/>
        <color rgb="FF0070C0"/>
        <rFont val="ＭＳ Ｐゴシック"/>
        <family val="3"/>
        <charset val="128"/>
      </rPr>
      <t>（常勤のみ、学校の場合学生を除く）</t>
    </r>
    <rPh sb="0" eb="2">
      <t>ニュウキョ</t>
    </rPh>
    <rPh sb="2" eb="4">
      <t>ジンイン</t>
    </rPh>
    <rPh sb="6" eb="8">
      <t>ジョウキン</t>
    </rPh>
    <phoneticPr fontId="7"/>
  </si>
  <si>
    <r>
      <t xml:space="preserve">代表する施設の用途
</t>
    </r>
    <r>
      <rPr>
        <sz val="8"/>
        <color rgb="FF0070C0"/>
        <rFont val="ＭＳ Ｐゴシック"/>
        <family val="3"/>
        <charset val="128"/>
      </rPr>
      <t>（１つだけ）</t>
    </r>
    <rPh sb="0" eb="2">
      <t>ダイヒョウ</t>
    </rPh>
    <rPh sb="4" eb="6">
      <t>シセツ</t>
    </rPh>
    <rPh sb="7" eb="9">
      <t>ヨウト</t>
    </rPh>
    <phoneticPr fontId="7"/>
  </si>
  <si>
    <t>※単位</t>
    <rPh sb="1" eb="3">
      <t>タンイ</t>
    </rPh>
    <phoneticPr fontId="7"/>
  </si>
  <si>
    <t>０．用途</t>
    <rPh sb="2" eb="4">
      <t>ヨウト</t>
    </rPh>
    <phoneticPr fontId="7"/>
  </si>
  <si>
    <t>３－２B．合同庁舎（GHG）</t>
    <rPh sb="5" eb="7">
      <t>ゴウドウ</t>
    </rPh>
    <rPh sb="7" eb="9">
      <t>チョウシャ</t>
    </rPh>
    <phoneticPr fontId="119"/>
  </si>
  <si>
    <t>３－３B．病院（GHG）</t>
    <rPh sb="5" eb="7">
      <t>ビョウイン</t>
    </rPh>
    <phoneticPr fontId="119"/>
  </si>
  <si>
    <t>３－３A．病院（エネルギー）</t>
    <rPh sb="5" eb="7">
      <t>ビョウイン</t>
    </rPh>
    <phoneticPr fontId="119"/>
  </si>
  <si>
    <t>４－２．ＧＨＧ</t>
    <phoneticPr fontId="119"/>
  </si>
  <si>
    <t>質問１</t>
    <rPh sb="0" eb="2">
      <t>シツモン</t>
    </rPh>
    <phoneticPr fontId="7"/>
  </si>
  <si>
    <t>既に導入済み</t>
    <rPh sb="0" eb="1">
      <t>スデ</t>
    </rPh>
    <rPh sb="2" eb="4">
      <t>ドウニュウ</t>
    </rPh>
    <rPh sb="4" eb="5">
      <t>ズ</t>
    </rPh>
    <phoneticPr fontId="7"/>
  </si>
  <si>
    <t>導入予定</t>
    <rPh sb="0" eb="4">
      <t>ドウニュウヨテイ</t>
    </rPh>
    <phoneticPr fontId="7"/>
  </si>
  <si>
    <t>導入を検討中</t>
    <rPh sb="0" eb="2">
      <t>ドウニュウ</t>
    </rPh>
    <rPh sb="3" eb="6">
      <t>ケントウチュウ</t>
    </rPh>
    <phoneticPr fontId="7"/>
  </si>
  <si>
    <t>予定はない</t>
    <rPh sb="0" eb="2">
      <t>ヨテイ</t>
    </rPh>
    <phoneticPr fontId="7"/>
  </si>
  <si>
    <t>質問２</t>
    <rPh sb="0" eb="2">
      <t>シツモン</t>
    </rPh>
    <phoneticPr fontId="7"/>
  </si>
  <si>
    <t>PPAモデル以外の再エネルギー電力の調達に向けた取組として、特記するべき内容があれば記入してください。</t>
    <rPh sb="6" eb="8">
      <t>イガイ</t>
    </rPh>
    <rPh sb="9" eb="10">
      <t>サイ</t>
    </rPh>
    <rPh sb="15" eb="17">
      <t>デンリョク</t>
    </rPh>
    <rPh sb="18" eb="20">
      <t>チョウタツ</t>
    </rPh>
    <rPh sb="21" eb="22">
      <t>ム</t>
    </rPh>
    <rPh sb="24" eb="25">
      <t>ト</t>
    </rPh>
    <rPh sb="25" eb="26">
      <t>ク</t>
    </rPh>
    <rPh sb="30" eb="32">
      <t>トッキ</t>
    </rPh>
    <rPh sb="36" eb="38">
      <t>ナイヨウ</t>
    </rPh>
    <rPh sb="42" eb="44">
      <t>キニュウ</t>
    </rPh>
    <phoneticPr fontId="7"/>
  </si>
  <si>
    <t>①</t>
    <phoneticPr fontId="7"/>
  </si>
  <si>
    <t>②</t>
    <phoneticPr fontId="7"/>
  </si>
  <si>
    <t>③</t>
    <phoneticPr fontId="7"/>
  </si>
  <si>
    <t>←リストから選択</t>
    <rPh sb="6" eb="8">
      <t>センタク</t>
    </rPh>
    <phoneticPr fontId="7"/>
  </si>
  <si>
    <t>オンサイトPPA</t>
    <phoneticPr fontId="7"/>
  </si>
  <si>
    <t>オフサイトPPA</t>
    <phoneticPr fontId="7"/>
  </si>
  <si>
    <t>導入時期：</t>
    <rPh sb="0" eb="4">
      <t>ドウニュウジキ</t>
    </rPh>
    <phoneticPr fontId="7"/>
  </si>
  <si>
    <r>
      <rPr>
        <b/>
        <sz val="11"/>
        <rFont val="ＭＳ Ｐゴシック"/>
        <family val="3"/>
        <charset val="128"/>
      </rPr>
      <t>PPAモデル</t>
    </r>
    <r>
      <rPr>
        <sz val="11"/>
        <rFont val="ＭＳ Ｐゴシック"/>
        <family val="3"/>
        <charset val="128"/>
      </rPr>
      <t>（事業者が需要家の屋根や敷地に太陽光発電システムなどを無償で設置・運用して、需要家が発電した電気を設置した事業者から購入し、電気使用料を事業者に支払うビジネスモデル等を想定）</t>
    </r>
    <r>
      <rPr>
        <b/>
        <sz val="11"/>
        <rFont val="ＭＳ Ｐゴシック"/>
        <family val="3"/>
        <charset val="128"/>
      </rPr>
      <t>の導入について</t>
    </r>
    <rPh sb="94" eb="96">
      <t>ドウニュウ</t>
    </rPh>
    <phoneticPr fontId="7"/>
  </si>
  <si>
    <t>導入状況は：</t>
    <rPh sb="0" eb="2">
      <t>ドウニュウ</t>
    </rPh>
    <rPh sb="2" eb="4">
      <t>ジョウキョウ</t>
    </rPh>
    <phoneticPr fontId="7"/>
  </si>
  <si>
    <t>契約期間は：</t>
    <rPh sb="0" eb="2">
      <t>ケイヤク</t>
    </rPh>
    <rPh sb="2" eb="4">
      <t>キカン</t>
    </rPh>
    <phoneticPr fontId="7"/>
  </si>
  <si>
    <t>設置方式は：</t>
    <rPh sb="0" eb="2">
      <t>セッチ</t>
    </rPh>
    <rPh sb="2" eb="4">
      <t>ホウシキ</t>
    </rPh>
    <phoneticPr fontId="7"/>
  </si>
  <si>
    <r>
      <rPr>
        <b/>
        <sz val="11"/>
        <rFont val="ＭＳ Ｐゴシック"/>
        <family val="3"/>
        <charset val="128"/>
      </rPr>
      <t>年</t>
    </r>
    <r>
      <rPr>
        <sz val="11"/>
        <rFont val="ＭＳ Ｐゴシック"/>
        <family val="3"/>
        <charset val="128"/>
      </rPr>
      <t>　（</t>
    </r>
    <r>
      <rPr>
        <b/>
        <sz val="11"/>
        <rFont val="ＭＳ Ｐゴシック"/>
        <family val="3"/>
        <charset val="128"/>
      </rPr>
      <t>導入済み</t>
    </r>
    <r>
      <rPr>
        <sz val="11"/>
        <rFont val="ＭＳ Ｐゴシック"/>
        <family val="3"/>
        <charset val="128"/>
      </rPr>
      <t>の場合は記載）</t>
    </r>
    <rPh sb="0" eb="1">
      <t>ネン</t>
    </rPh>
    <rPh sb="3" eb="6">
      <t>ドウニュウズ</t>
    </rPh>
    <rPh sb="8" eb="10">
      <t>バアイ</t>
    </rPh>
    <rPh sb="11" eb="13">
      <t>キサイ</t>
    </rPh>
    <phoneticPr fontId="7"/>
  </si>
  <si>
    <r>
      <t>←</t>
    </r>
    <r>
      <rPr>
        <b/>
        <sz val="11"/>
        <rFont val="ＭＳ Ｐゴシック"/>
        <family val="3"/>
        <charset val="128"/>
      </rPr>
      <t>導入済み・予定・検討中</t>
    </r>
    <r>
      <rPr>
        <sz val="11"/>
        <rFont val="ＭＳ Ｐゴシック"/>
        <family val="3"/>
        <charset val="128"/>
      </rPr>
      <t>は導入時期（〇年〇月）を記載</t>
    </r>
    <rPh sb="1" eb="4">
      <t>ドウニュウズ</t>
    </rPh>
    <rPh sb="6" eb="8">
      <t>ヨテイ</t>
    </rPh>
    <rPh sb="9" eb="12">
      <t>ケントウチュウ</t>
    </rPh>
    <rPh sb="13" eb="17">
      <t>ドウニュウジキ</t>
    </rPh>
    <rPh sb="19" eb="20">
      <t>ネン</t>
    </rPh>
    <rPh sb="21" eb="22">
      <t>ツキ</t>
    </rPh>
    <rPh sb="24" eb="26">
      <t>キサイ</t>
    </rPh>
    <phoneticPr fontId="7"/>
  </si>
  <si>
    <t>④</t>
    <phoneticPr fontId="7"/>
  </si>
  <si>
    <t>設備容量は：</t>
    <rPh sb="0" eb="4">
      <t>セツビヨウリョウ</t>
    </rPh>
    <phoneticPr fontId="7"/>
  </si>
  <si>
    <r>
      <rPr>
        <b/>
        <sz val="11"/>
        <rFont val="ＭＳ Ｐゴシック"/>
        <family val="3"/>
        <charset val="128"/>
      </rPr>
      <t>kW</t>
    </r>
    <r>
      <rPr>
        <sz val="11"/>
        <rFont val="ＭＳ Ｐゴシック"/>
        <family val="3"/>
        <charset val="128"/>
      </rPr>
      <t>　（</t>
    </r>
    <r>
      <rPr>
        <b/>
        <sz val="11"/>
        <rFont val="ＭＳ Ｐゴシック"/>
        <family val="3"/>
        <charset val="128"/>
      </rPr>
      <t>導入済み</t>
    </r>
    <r>
      <rPr>
        <sz val="11"/>
        <rFont val="ＭＳ Ｐゴシック"/>
        <family val="3"/>
        <charset val="128"/>
      </rPr>
      <t>の場合は記載）</t>
    </r>
    <rPh sb="4" eb="7">
      <t>ドウニュウズ</t>
    </rPh>
    <rPh sb="9" eb="11">
      <t>バアイ</t>
    </rPh>
    <rPh sb="12" eb="14">
      <t>キサイ</t>
    </rPh>
    <phoneticPr fontId="7"/>
  </si>
  <si>
    <t>PPAモデルの導入に当たっての課題や支援が必要であれば具体的に記入してください。</t>
    <rPh sb="7" eb="9">
      <t>ドウニュウ</t>
    </rPh>
    <rPh sb="10" eb="11">
      <t>ア</t>
    </rPh>
    <rPh sb="15" eb="17">
      <t>カダイ</t>
    </rPh>
    <rPh sb="18" eb="20">
      <t>シエン</t>
    </rPh>
    <rPh sb="21" eb="23">
      <t>ヒツヨウ</t>
    </rPh>
    <rPh sb="27" eb="30">
      <t>グタイテキ</t>
    </rPh>
    <rPh sb="31" eb="33">
      <t>キニュウ</t>
    </rPh>
    <phoneticPr fontId="7"/>
  </si>
  <si>
    <t>「契約期間」には、契約期間（年月）、契約期間に該当する月数、入札公告の時期（年月）を記入してください。1年契約の月数は12（箇月）になります。契約期間を定めていない場合は、「契約期間の定めなし」と記載してください。</t>
    <rPh sb="1" eb="3">
      <t>ケイヤク</t>
    </rPh>
    <rPh sb="3" eb="5">
      <t>キカン</t>
    </rPh>
    <rPh sb="9" eb="11">
      <t>ケイヤク</t>
    </rPh>
    <rPh sb="11" eb="13">
      <t>キカン</t>
    </rPh>
    <rPh sb="14" eb="16">
      <t>ネンゲツ</t>
    </rPh>
    <rPh sb="18" eb="20">
      <t>ケイヤク</t>
    </rPh>
    <rPh sb="20" eb="22">
      <t>キカン</t>
    </rPh>
    <rPh sb="23" eb="25">
      <t>ガイトウ</t>
    </rPh>
    <rPh sb="27" eb="29">
      <t>ツキスウ</t>
    </rPh>
    <rPh sb="38" eb="40">
      <t>ネンゲツ</t>
    </rPh>
    <rPh sb="42" eb="44">
      <t>キニュウ</t>
    </rPh>
    <rPh sb="52" eb="53">
      <t>ネン</t>
    </rPh>
    <rPh sb="53" eb="55">
      <t>ケイヤク</t>
    </rPh>
    <rPh sb="56" eb="58">
      <t>ツキスウ</t>
    </rPh>
    <rPh sb="62" eb="64">
      <t>カゲツ</t>
    </rPh>
    <rPh sb="63" eb="64">
      <t>ゲツ</t>
    </rPh>
    <rPh sb="71" eb="73">
      <t>ケイヤク</t>
    </rPh>
    <rPh sb="73" eb="75">
      <t>キカン</t>
    </rPh>
    <rPh sb="76" eb="77">
      <t>サダ</t>
    </rPh>
    <rPh sb="82" eb="84">
      <t>バアイ</t>
    </rPh>
    <rPh sb="87" eb="89">
      <t>ケイヤク</t>
    </rPh>
    <rPh sb="89" eb="91">
      <t>キカン</t>
    </rPh>
    <rPh sb="92" eb="93">
      <t>サダ</t>
    </rPh>
    <rPh sb="98" eb="100">
      <t>キサイ</t>
    </rPh>
    <phoneticPr fontId="7"/>
  </si>
  <si>
    <t>入札
公告
時期</t>
    <rPh sb="0" eb="2">
      <t>ニュウサツ</t>
    </rPh>
    <rPh sb="3" eb="5">
      <t>コウコク</t>
    </rPh>
    <rPh sb="6" eb="8">
      <t>ジキ</t>
    </rPh>
    <phoneticPr fontId="7"/>
  </si>
  <si>
    <t>再エネ電気の
調達仕様への記載の有無</t>
    <rPh sb="0" eb="1">
      <t>サイ</t>
    </rPh>
    <rPh sb="3" eb="5">
      <t>デンキ</t>
    </rPh>
    <rPh sb="7" eb="9">
      <t>チョウタツ</t>
    </rPh>
    <rPh sb="9" eb="11">
      <t>シヨウ</t>
    </rPh>
    <rPh sb="13" eb="15">
      <t>キサイ</t>
    </rPh>
    <rPh sb="16" eb="18">
      <t>ウム</t>
    </rPh>
    <phoneticPr fontId="7"/>
  </si>
  <si>
    <t>PPAモデルの導入状況や再生可能エネルギー電気の先進事例などを記入してください。</t>
    <rPh sb="7" eb="11">
      <t>ドウニュウジョウキョウ</t>
    </rPh>
    <rPh sb="12" eb="14">
      <t>サイセイ</t>
    </rPh>
    <rPh sb="14" eb="16">
      <t>カノウ</t>
    </rPh>
    <rPh sb="21" eb="23">
      <t>デンキ</t>
    </rPh>
    <rPh sb="31" eb="33">
      <t>キニュウ</t>
    </rPh>
    <phoneticPr fontId="7"/>
  </si>
  <si>
    <t>〇〇省</t>
    <rPh sb="2" eb="3">
      <t>ショウ</t>
    </rPh>
    <phoneticPr fontId="7"/>
  </si>
  <si>
    <r>
      <t xml:space="preserve">想定される
管理レベル
</t>
    </r>
    <r>
      <rPr>
        <sz val="7"/>
        <color rgb="FF0070C0"/>
        <rFont val="ＭＳ Ｐゴシック"/>
        <family val="3"/>
        <charset val="128"/>
      </rPr>
      <t>複数施設の場合は
最も高いレベル</t>
    </r>
    <rPh sb="0" eb="2">
      <t>ソウテイ</t>
    </rPh>
    <rPh sb="6" eb="8">
      <t>カンリ</t>
    </rPh>
    <rPh sb="12" eb="16">
      <t>フクスウシセツ</t>
    </rPh>
    <rPh sb="17" eb="19">
      <t>バアイ</t>
    </rPh>
    <rPh sb="21" eb="22">
      <t>モット</t>
    </rPh>
    <rPh sb="23" eb="24">
      <t>タカ</t>
    </rPh>
    <phoneticPr fontId="7"/>
  </si>
  <si>
    <t>←用途が「一般事務庁舎」「合同庁舎」「病院」の場合に評価</t>
    <rPh sb="1" eb="3">
      <t>ヨウト</t>
    </rPh>
    <rPh sb="5" eb="11">
      <t>イッパンジムチョウシャ</t>
    </rPh>
    <rPh sb="13" eb="17">
      <t>ゴウドウチョウシャ</t>
    </rPh>
    <rPh sb="19" eb="21">
      <t>ビョウイン</t>
    </rPh>
    <rPh sb="23" eb="25">
      <t>バアイ</t>
    </rPh>
    <rPh sb="26" eb="28">
      <t>ヒョウカ</t>
    </rPh>
    <phoneticPr fontId="7"/>
  </si>
  <si>
    <t>〇〇省◇◇地方△△庁舎</t>
    <rPh sb="2" eb="3">
      <t>ショウ</t>
    </rPh>
    <rPh sb="5" eb="7">
      <t>チホウ</t>
    </rPh>
    <rPh sb="9" eb="11">
      <t>チョウシャ</t>
    </rPh>
    <phoneticPr fontId="7"/>
  </si>
  <si>
    <t>〇〇省◇◇地方△△局</t>
    <rPh sb="2" eb="3">
      <t>ショウ</t>
    </rPh>
    <rPh sb="5" eb="7">
      <t>チホウ</t>
    </rPh>
    <rPh sb="9" eb="10">
      <t>キョク</t>
    </rPh>
    <phoneticPr fontId="7"/>
  </si>
  <si>
    <t>個別方式</t>
  </si>
  <si>
    <t>簡易型監視制御装置</t>
  </si>
  <si>
    <t>外部委託（常駐）</t>
  </si>
  <si>
    <t>レベル３</t>
  </si>
  <si>
    <t>←施設情報の青字の「用途」「都道府県」「延床面積」から等級評価を実施</t>
    <rPh sb="6" eb="8">
      <t>アオジ</t>
    </rPh>
    <phoneticPr fontId="7"/>
  </si>
  <si>
    <t>　　　←年間のエネルギー使用量を入力（単位に注意：変更可能）</t>
    <rPh sb="4" eb="6">
      <t>ネンカン</t>
    </rPh>
    <rPh sb="12" eb="15">
      <t>シヨウリョウ</t>
    </rPh>
    <rPh sb="16" eb="18">
      <t>ニュウリョク</t>
    </rPh>
    <rPh sb="19" eb="21">
      <t>タンイ</t>
    </rPh>
    <rPh sb="22" eb="24">
      <t>チュウイ</t>
    </rPh>
    <rPh sb="25" eb="27">
      <t>ヘンコウ</t>
    </rPh>
    <rPh sb="27" eb="29">
      <t>カノウ</t>
    </rPh>
    <phoneticPr fontId="7"/>
  </si>
  <si>
    <t>複数年度(12ヶ月超)</t>
  </si>
  <si>
    <t>1.一般競争契約（最低価格落札方式）</t>
  </si>
  <si>
    <t>実施</t>
  </si>
  <si>
    <t>2年目の温室効果ガス排出量を初年度比5％削減</t>
    <rPh sb="1" eb="3">
      <t>ネンメ</t>
    </rPh>
    <rPh sb="4" eb="8">
      <t>オンシツコウカ</t>
    </rPh>
    <rPh sb="10" eb="13">
      <t>ハイシュツリョウ</t>
    </rPh>
    <rPh sb="14" eb="17">
      <t>ショネンド</t>
    </rPh>
    <rPh sb="17" eb="18">
      <t>ヒ</t>
    </rPh>
    <rPh sb="20" eb="22">
      <t>サクゲン</t>
    </rPh>
    <phoneticPr fontId="7"/>
  </si>
  <si>
    <r>
      <t>ESCO</t>
    </r>
    <r>
      <rPr>
        <sz val="9"/>
        <rFont val="ＭＳ ゴシック"/>
        <family val="3"/>
        <charset val="128"/>
      </rPr>
      <t>事業以外の建築物改修に係る契約実績（概要：件数など）</t>
    </r>
    <rPh sb="4" eb="6">
      <t>ジギョウ</t>
    </rPh>
    <rPh sb="6" eb="8">
      <t>イガイ</t>
    </rPh>
    <rPh sb="9" eb="14">
      <t>ケンチクブツカイシュウ</t>
    </rPh>
    <rPh sb="15" eb="16">
      <t>カカ</t>
    </rPh>
    <rPh sb="17" eb="19">
      <t>ケイヤク</t>
    </rPh>
    <rPh sb="19" eb="21">
      <t>ジッセキ</t>
    </rPh>
    <rPh sb="22" eb="24">
      <t>ガイヨウ</t>
    </rPh>
    <rPh sb="25" eb="27">
      <t>ケンスウ</t>
    </rPh>
    <phoneticPr fontId="7"/>
  </si>
  <si>
    <r>
      <t>ESCO</t>
    </r>
    <r>
      <rPr>
        <sz val="9"/>
        <rFont val="ＭＳ ゴシック"/>
        <family val="3"/>
        <charset val="128"/>
      </rPr>
      <t>事業以外の建築物改修に係る契約実績（詳細：個別情報）</t>
    </r>
    <rPh sb="4" eb="6">
      <t>ジギョウ</t>
    </rPh>
    <rPh sb="6" eb="8">
      <t>イガイ</t>
    </rPh>
    <rPh sb="9" eb="14">
      <t>ケンチクブツカイシュウ</t>
    </rPh>
    <rPh sb="15" eb="16">
      <t>カカ</t>
    </rPh>
    <rPh sb="17" eb="19">
      <t>ケイヤク</t>
    </rPh>
    <rPh sb="19" eb="21">
      <t>ジッセキ</t>
    </rPh>
    <rPh sb="22" eb="24">
      <t>ショウサイ</t>
    </rPh>
    <rPh sb="25" eb="27">
      <t>コベツ</t>
    </rPh>
    <rPh sb="27" eb="29">
      <t>ジョウホウ</t>
    </rPh>
    <phoneticPr fontId="7"/>
  </si>
  <si>
    <r>
      <t>建築物の維持管理に係る契約の実績（個々の契約別）　</t>
    </r>
    <r>
      <rPr>
        <sz val="9"/>
        <color rgb="FFFF0000"/>
        <rFont val="ＭＳ ゴシック"/>
        <family val="3"/>
        <charset val="128"/>
      </rPr>
      <t>※新規様式に変更</t>
    </r>
    <rPh sb="0" eb="3">
      <t>ケンチクブツ</t>
    </rPh>
    <rPh sb="4" eb="6">
      <t>イジ</t>
    </rPh>
    <rPh sb="6" eb="8">
      <t>カンリ</t>
    </rPh>
    <rPh sb="9" eb="10">
      <t>カカ</t>
    </rPh>
    <rPh sb="11" eb="13">
      <t>ケイヤク</t>
    </rPh>
    <rPh sb="14" eb="16">
      <t>ジッセキ</t>
    </rPh>
    <rPh sb="17" eb="19">
      <t>ココ</t>
    </rPh>
    <rPh sb="20" eb="23">
      <t>ケイヤクベツ</t>
    </rPh>
    <rPh sb="26" eb="30">
      <t>シンキヨウシキ</t>
    </rPh>
    <rPh sb="31" eb="33">
      <t>ヘンコウ</t>
    </rPh>
    <phoneticPr fontId="7"/>
  </si>
  <si>
    <r>
      <t>PPAモデルの導入、再エネ電力に関する特記事項</t>
    </r>
    <r>
      <rPr>
        <sz val="9"/>
        <color rgb="FFFF0000"/>
        <rFont val="ＭＳ ゴシック"/>
        <family val="3"/>
        <charset val="128"/>
      </rPr>
      <t>　※新規内容に変更</t>
    </r>
    <rPh sb="7" eb="9">
      <t>ドウニュウ</t>
    </rPh>
    <rPh sb="10" eb="11">
      <t>サイ</t>
    </rPh>
    <rPh sb="13" eb="15">
      <t>デンリョク</t>
    </rPh>
    <rPh sb="16" eb="17">
      <t>カン</t>
    </rPh>
    <rPh sb="19" eb="23">
      <t>トッキジコウ</t>
    </rPh>
    <rPh sb="27" eb="29">
      <t>ナイヨウ</t>
    </rPh>
    <rPh sb="30" eb="32">
      <t>ヘンコウ</t>
    </rPh>
    <phoneticPr fontId="7"/>
  </si>
  <si>
    <t>【4-2B】建築物維持管理（詳細）※記載例</t>
    <rPh sb="14" eb="16">
      <t>ショウサイ</t>
    </rPh>
    <phoneticPr fontId="7"/>
  </si>
  <si>
    <t>【4-3E】建築物改修（その他詳細）※記載例</t>
    <rPh sb="9" eb="11">
      <t>カイシュウ</t>
    </rPh>
    <rPh sb="14" eb="15">
      <t>タ</t>
    </rPh>
    <rPh sb="15" eb="17">
      <t>ショウサイ</t>
    </rPh>
    <phoneticPr fontId="7"/>
  </si>
  <si>
    <t>←評価結果が「E」又は「E-」の場合はその理由を確認の上、報告してください</t>
    <rPh sb="1" eb="3">
      <t>ヒョウカ</t>
    </rPh>
    <rPh sb="3" eb="5">
      <t>ケッカ</t>
    </rPh>
    <rPh sb="9" eb="10">
      <t>マタ</t>
    </rPh>
    <rPh sb="16" eb="18">
      <t>バアイ</t>
    </rPh>
    <rPh sb="21" eb="23">
      <t>リユウ</t>
    </rPh>
    <rPh sb="24" eb="26">
      <t>カクニン</t>
    </rPh>
    <rPh sb="27" eb="28">
      <t>ウエ</t>
    </rPh>
    <rPh sb="29" eb="31">
      <t>ホウコク</t>
    </rPh>
    <phoneticPr fontId="7"/>
  </si>
  <si>
    <r>
      <t>注１：</t>
    </r>
    <r>
      <rPr>
        <b/>
        <sz val="10"/>
        <color rgb="FFFF0000"/>
        <rFont val="ＭＳ ゴシック"/>
        <family val="3"/>
        <charset val="128"/>
      </rPr>
      <t>赤枠</t>
    </r>
    <r>
      <rPr>
        <sz val="10"/>
        <rFont val="ＭＳ ゴシック"/>
        <family val="3"/>
        <charset val="128"/>
      </rPr>
      <t>の「単位」はリストから選択可能です。例えば「</t>
    </r>
    <r>
      <rPr>
        <b/>
        <sz val="10"/>
        <rFont val="ＭＳ ゴシック"/>
        <family val="3"/>
        <charset val="128"/>
      </rPr>
      <t>kL</t>
    </r>
    <r>
      <rPr>
        <sz val="10"/>
        <rFont val="ＭＳ ゴシック"/>
        <family val="3"/>
        <charset val="128"/>
      </rPr>
      <t>」←→「</t>
    </r>
    <r>
      <rPr>
        <b/>
        <sz val="10"/>
        <rFont val="ＭＳ ゴシック"/>
        <family val="3"/>
        <charset val="128"/>
      </rPr>
      <t>L</t>
    </r>
    <r>
      <rPr>
        <sz val="10"/>
        <rFont val="ＭＳ ゴシック"/>
        <family val="3"/>
        <charset val="128"/>
      </rPr>
      <t>」など</t>
    </r>
    <rPh sb="0" eb="1">
      <t>チュウ</t>
    </rPh>
    <rPh sb="3" eb="5">
      <t>アカワク</t>
    </rPh>
    <rPh sb="7" eb="9">
      <t>タンイ</t>
    </rPh>
    <rPh sb="16" eb="18">
      <t>センタク</t>
    </rPh>
    <rPh sb="18" eb="20">
      <t>カノウ</t>
    </rPh>
    <rPh sb="23" eb="24">
      <t>タト</t>
    </rPh>
    <phoneticPr fontId="119"/>
  </si>
  <si>
    <t>注２：電気及び都市ガスの排出係数は「代替値」を記載してありますので、実際に調達した事業者の
　　　排出係数に変更してください。排出係数が不明の場合はそのまま使用してください</t>
    <rPh sb="0" eb="1">
      <t>チュウ</t>
    </rPh>
    <rPh sb="3" eb="5">
      <t>デンキ</t>
    </rPh>
    <rPh sb="5" eb="6">
      <t>オヨ</t>
    </rPh>
    <rPh sb="7" eb="9">
      <t>トシ</t>
    </rPh>
    <rPh sb="12" eb="16">
      <t>ハイシュツケイスウ</t>
    </rPh>
    <rPh sb="18" eb="20">
      <t>ダイタイ</t>
    </rPh>
    <rPh sb="20" eb="21">
      <t>チ</t>
    </rPh>
    <rPh sb="23" eb="25">
      <t>キサイ</t>
    </rPh>
    <rPh sb="34" eb="36">
      <t>ジッサイ</t>
    </rPh>
    <rPh sb="37" eb="39">
      <t>チョウタツ</t>
    </rPh>
    <rPh sb="41" eb="44">
      <t>ジギョウシャ</t>
    </rPh>
    <rPh sb="49" eb="51">
      <t>ハイシュツ</t>
    </rPh>
    <rPh sb="51" eb="53">
      <t>ケイスウ</t>
    </rPh>
    <rPh sb="54" eb="56">
      <t>ヘンコウ</t>
    </rPh>
    <rPh sb="63" eb="67">
      <t>ハイシュツケイスウ</t>
    </rPh>
    <rPh sb="68" eb="70">
      <t>フメイ</t>
    </rPh>
    <rPh sb="71" eb="73">
      <t>バアイ</t>
    </rPh>
    <rPh sb="78" eb="80">
      <t>シヨウ</t>
    </rPh>
    <phoneticPr fontId="119"/>
  </si>
  <si>
    <t>産業廃棄物の種類
（特別管理」
または
「特別管理以外」の別</t>
    <rPh sb="0" eb="2">
      <t>サンギョウ</t>
    </rPh>
    <rPh sb="2" eb="5">
      <t>ハイキブツ</t>
    </rPh>
    <rPh sb="6" eb="8">
      <t>シュルイ</t>
    </rPh>
    <rPh sb="10" eb="14">
      <t>トクベツカンリ</t>
    </rPh>
    <rPh sb="21" eb="27">
      <t>トクベツカンリイガイ</t>
    </rPh>
    <rPh sb="29" eb="30">
      <t>ベツ</t>
    </rPh>
    <phoneticPr fontId="7"/>
  </si>
  <si>
    <t>廃プラスチック類</t>
    <rPh sb="0" eb="1">
      <t>ハイ</t>
    </rPh>
    <rPh sb="7" eb="8">
      <t>ルイ</t>
    </rPh>
    <phoneticPr fontId="7"/>
  </si>
  <si>
    <t>紙くず</t>
    <rPh sb="0" eb="1">
      <t>カミ</t>
    </rPh>
    <phoneticPr fontId="7"/>
  </si>
  <si>
    <t>木くず</t>
    <rPh sb="0" eb="1">
      <t>キ</t>
    </rPh>
    <phoneticPr fontId="7"/>
  </si>
  <si>
    <t>金属くず</t>
    <rPh sb="0" eb="2">
      <t>キンゾク</t>
    </rPh>
    <phoneticPr fontId="7"/>
  </si>
  <si>
    <t>がれき類</t>
    <rPh sb="3" eb="4">
      <t>ルイ</t>
    </rPh>
    <phoneticPr fontId="7"/>
  </si>
  <si>
    <t>その他の廃棄物</t>
    <rPh sb="2" eb="3">
      <t>タ</t>
    </rPh>
    <rPh sb="4" eb="7">
      <t>ハイキブツ</t>
    </rPh>
    <phoneticPr fontId="7"/>
  </si>
  <si>
    <t>汚　泥</t>
    <rPh sb="0" eb="1">
      <t>オ</t>
    </rPh>
    <rPh sb="2" eb="3">
      <t>ドロ</t>
    </rPh>
    <phoneticPr fontId="7"/>
  </si>
  <si>
    <t>左記６種類
以外の
産業廃棄物
の合計</t>
    <rPh sb="0" eb="2">
      <t>サキ</t>
    </rPh>
    <rPh sb="3" eb="5">
      <t>シュルイ</t>
    </rPh>
    <rPh sb="6" eb="8">
      <t>イガイ</t>
    </rPh>
    <rPh sb="10" eb="12">
      <t>サンギョウ</t>
    </rPh>
    <rPh sb="12" eb="15">
      <t>ハイキブツ</t>
    </rPh>
    <rPh sb="17" eb="19">
      <t>ゴウケイ</t>
    </rPh>
    <phoneticPr fontId="7"/>
  </si>
  <si>
    <r>
      <t xml:space="preserve">廃棄物数量
の合計
（トン）
</t>
    </r>
    <r>
      <rPr>
        <sz val="9"/>
        <color rgb="FFFF0000"/>
        <rFont val="ＭＳ Ｐゴシック"/>
        <family val="3"/>
        <charset val="128"/>
      </rPr>
      <t>内訳から自動計算
特別管理産業廃棄物は数量を直接入力</t>
    </r>
    <rPh sb="0" eb="3">
      <t>ハイキブツ</t>
    </rPh>
    <rPh sb="3" eb="5">
      <t>スウリョウ</t>
    </rPh>
    <rPh sb="7" eb="9">
      <t>ゴウケイ</t>
    </rPh>
    <rPh sb="16" eb="18">
      <t>ウチワケ</t>
    </rPh>
    <rPh sb="20" eb="22">
      <t>ジドウ</t>
    </rPh>
    <rPh sb="22" eb="24">
      <t>ケイサン</t>
    </rPh>
    <rPh sb="26" eb="30">
      <t>トクベツカンリ</t>
    </rPh>
    <rPh sb="30" eb="35">
      <t>サンギョウハイキブツ</t>
    </rPh>
    <rPh sb="36" eb="38">
      <t>スウリョウ</t>
    </rPh>
    <rPh sb="39" eb="43">
      <t>チョクセツニュウリョク</t>
    </rPh>
    <phoneticPr fontId="7"/>
  </si>
  <si>
    <r>
      <t>「廃棄物数量（トン）」は、</t>
    </r>
    <r>
      <rPr>
        <sz val="11"/>
        <color rgb="FFFF0000"/>
        <rFont val="ＭＳ ゴシック"/>
        <family val="3"/>
        <charset val="128"/>
      </rPr>
      <t>特別管理産業廃棄物以外の場合は種類別の内訳から自動計算されるので記入不要</t>
    </r>
    <r>
      <rPr>
        <sz val="11"/>
        <rFont val="ＭＳ ゴシック"/>
        <family val="3"/>
        <charset val="128"/>
      </rPr>
      <t xml:space="preserve">です。
</t>
    </r>
    <r>
      <rPr>
        <sz val="11"/>
        <color rgb="FFFF0000"/>
        <rFont val="ＭＳ ゴシック"/>
        <family val="3"/>
        <charset val="128"/>
      </rPr>
      <t>特別管理産業廃棄物の場合は直接数量（トン）を記入</t>
    </r>
    <r>
      <rPr>
        <sz val="11"/>
        <rFont val="ＭＳ ゴシック"/>
        <family val="3"/>
        <charset val="128"/>
      </rPr>
      <t>してください（</t>
    </r>
    <r>
      <rPr>
        <sz val="11"/>
        <color rgb="FFFF0000"/>
        <rFont val="ＭＳ ゴシック"/>
        <family val="3"/>
        <charset val="128"/>
      </rPr>
      <t>合計値のみ。内訳は不要</t>
    </r>
    <r>
      <rPr>
        <sz val="11"/>
        <rFont val="ＭＳ ゴシック"/>
        <family val="3"/>
        <charset val="128"/>
      </rPr>
      <t>です）。完了した業務については実績数量を記入し、完了していない業務については仕様書等に記載された予定数量を記入してください。また、数量が体積の産業廃棄物については「（参考）産廃換算係数」の換算係数を用いて重量に換算し、産業廃棄物重量の合計値を記入してください。
なお、契約の中に一般廃棄物処理業務も含む場合、廃棄物数量には産業廃棄物の数量のみを記入してください。</t>
    </r>
    <rPh sb="22" eb="24">
      <t>イガイ</t>
    </rPh>
    <rPh sb="28" eb="31">
      <t>シュルイベツ</t>
    </rPh>
    <rPh sb="32" eb="34">
      <t>ウチワケ</t>
    </rPh>
    <rPh sb="36" eb="40">
      <t>ジドウケイサン</t>
    </rPh>
    <rPh sb="45" eb="49">
      <t>キニュウフヨウ</t>
    </rPh>
    <rPh sb="56" eb="57">
      <t>リョウ</t>
    </rPh>
    <rPh sb="62" eb="64">
      <t>キニュウ</t>
    </rPh>
    <rPh sb="84" eb="87">
      <t>ゴウケイチ</t>
    </rPh>
    <rPh sb="90" eb="92">
      <t>ウチワケ</t>
    </rPh>
    <rPh sb="93" eb="95">
      <t>フヨウ</t>
    </rPh>
    <phoneticPr fontId="7"/>
  </si>
  <si>
    <t>←用途が「一般事務庁舎」「合同庁舎」「病院」の場合に評価
   評価結果は「A+」から「E-」までの10段階評価で、「C（C+・C-）」が中央値</t>
    <rPh sb="1" eb="3">
      <t>ヨウト</t>
    </rPh>
    <rPh sb="5" eb="11">
      <t>イッパンジムチョウシャ</t>
    </rPh>
    <rPh sb="13" eb="17">
      <t>ゴウドウチョウシャ</t>
    </rPh>
    <rPh sb="19" eb="21">
      <t>ビョウイン</t>
    </rPh>
    <rPh sb="23" eb="25">
      <t>バアイ</t>
    </rPh>
    <rPh sb="26" eb="28">
      <t>ヒョウカ</t>
    </rPh>
    <phoneticPr fontId="7"/>
  </si>
  <si>
    <t>令和７年度環境配慮契約締結実績調査について</t>
    <rPh sb="5" eb="7">
      <t>カンキョウ</t>
    </rPh>
    <rPh sb="7" eb="9">
      <t>ハイリョ</t>
    </rPh>
    <rPh sb="9" eb="11">
      <t>ケイヤク</t>
    </rPh>
    <rPh sb="11" eb="13">
      <t>テイケツ</t>
    </rPh>
    <rPh sb="13" eb="15">
      <t>ジッセキ</t>
    </rPh>
    <rPh sb="15" eb="17">
      <t>チョウサ</t>
    </rPh>
    <phoneticPr fontId="7"/>
  </si>
  <si>
    <t>電気の供給を受ける契約　令和７年度実績調査（概要）</t>
    <rPh sb="0" eb="2">
      <t>デンキ</t>
    </rPh>
    <rPh sb="3" eb="5">
      <t>キョウキュウ</t>
    </rPh>
    <rPh sb="6" eb="7">
      <t>ウ</t>
    </rPh>
    <rPh sb="17" eb="19">
      <t>ジッセキ</t>
    </rPh>
    <rPh sb="22" eb="24">
      <t>ガイヨウ</t>
    </rPh>
    <phoneticPr fontId="7"/>
  </si>
  <si>
    <t>電気の供給を受ける契約　令和７年度実績調査（高圧・特別高圧）</t>
    <rPh sb="0" eb="2">
      <t>デンキ</t>
    </rPh>
    <rPh sb="3" eb="5">
      <t>キョウキュウ</t>
    </rPh>
    <rPh sb="6" eb="7">
      <t>ウ</t>
    </rPh>
    <rPh sb="22" eb="24">
      <t>コウアツ</t>
    </rPh>
    <rPh sb="25" eb="27">
      <t>トクベツ</t>
    </rPh>
    <rPh sb="27" eb="29">
      <t>コウアツ</t>
    </rPh>
    <phoneticPr fontId="7"/>
  </si>
  <si>
    <t>R5..4～R9.3</t>
    <phoneticPr fontId="7"/>
  </si>
  <si>
    <t>R5..4～R8.9</t>
  </si>
  <si>
    <t>R7.4～R8.3</t>
  </si>
  <si>
    <t>R7.2</t>
  </si>
  <si>
    <t>R7.1</t>
  </si>
  <si>
    <r>
      <t xml:space="preserve">契約事業者名
</t>
    </r>
    <r>
      <rPr>
        <b/>
        <sz val="11"/>
        <color indexed="10"/>
        <rFont val="ＭＳ Ｐゴシック"/>
        <family val="3"/>
        <charset val="128"/>
      </rPr>
      <t>※必要に応じて参照式を上書きしてください。
BL列の「その他」の項目に契約事業者名を記入した場合は、直接事業者名を記入してください。</t>
    </r>
    <rPh sb="0" eb="2">
      <t>ケイヤク</t>
    </rPh>
    <rPh sb="2" eb="5">
      <t>ジギョウシャ</t>
    </rPh>
    <rPh sb="5" eb="6">
      <t>メイ</t>
    </rPh>
    <rPh sb="9" eb="11">
      <t>ヒツヨウ</t>
    </rPh>
    <rPh sb="12" eb="13">
      <t>オウ</t>
    </rPh>
    <rPh sb="15" eb="17">
      <t>サンショウ</t>
    </rPh>
    <rPh sb="17" eb="18">
      <t>シキ</t>
    </rPh>
    <rPh sb="19" eb="21">
      <t>ウワガ</t>
    </rPh>
    <rPh sb="32" eb="33">
      <t>レツ</t>
    </rPh>
    <rPh sb="37" eb="38">
      <t>タ</t>
    </rPh>
    <rPh sb="40" eb="42">
      <t>コウモク</t>
    </rPh>
    <rPh sb="43" eb="45">
      <t>ケイヤク</t>
    </rPh>
    <rPh sb="45" eb="49">
      <t>ジギョウシャメイ</t>
    </rPh>
    <rPh sb="50" eb="52">
      <t>キニュウ</t>
    </rPh>
    <rPh sb="54" eb="56">
      <t>バアイ</t>
    </rPh>
    <rPh sb="58" eb="60">
      <t>チョクセツ</t>
    </rPh>
    <rPh sb="60" eb="64">
      <t>ジギョウシャメイ</t>
    </rPh>
    <rPh sb="65" eb="67">
      <t>キニュウ</t>
    </rPh>
    <phoneticPr fontId="7"/>
  </si>
  <si>
    <t>電気の供給を受ける契約　令和７年度実績調査（低圧等）</t>
    <rPh sb="0" eb="2">
      <t>デンキ</t>
    </rPh>
    <rPh sb="3" eb="5">
      <t>キョウキュウ</t>
    </rPh>
    <rPh sb="6" eb="7">
      <t>ウ</t>
    </rPh>
    <rPh sb="22" eb="24">
      <t>テイアツ</t>
    </rPh>
    <rPh sb="24" eb="25">
      <t>トウ</t>
    </rPh>
    <phoneticPr fontId="7"/>
  </si>
  <si>
    <t>自動車の購入及び賃貸借に係る契約　令和７年度実績調査（概要）</t>
    <phoneticPr fontId="7"/>
  </si>
  <si>
    <t>自動車の購入及び賃貸借に係る契約　令和７年度実績調査（詳細）</t>
    <rPh sb="0" eb="3">
      <t>ジドウシャ</t>
    </rPh>
    <rPh sb="4" eb="6">
      <t>コウニュウ</t>
    </rPh>
    <rPh sb="6" eb="7">
      <t>オヨ</t>
    </rPh>
    <rPh sb="8" eb="11">
      <t>チンタイシャク</t>
    </rPh>
    <rPh sb="12" eb="13">
      <t>カカワ</t>
    </rPh>
    <rPh sb="14" eb="16">
      <t>ケイヤク</t>
    </rPh>
    <rPh sb="22" eb="24">
      <t>ジッセキ</t>
    </rPh>
    <rPh sb="24" eb="26">
      <t>チョウサ</t>
    </rPh>
    <rPh sb="27" eb="29">
      <t>ショウサイ</t>
    </rPh>
    <phoneticPr fontId="7"/>
  </si>
  <si>
    <t>船舶の調達に係る契約　令和７年度実績調査①（概略設計または基本設計）</t>
    <rPh sb="0" eb="2">
      <t>センパク</t>
    </rPh>
    <rPh sb="3" eb="5">
      <t>チョウタツ</t>
    </rPh>
    <rPh sb="22" eb="24">
      <t>ガイリャク</t>
    </rPh>
    <rPh sb="24" eb="26">
      <t>セッケイ</t>
    </rPh>
    <rPh sb="29" eb="31">
      <t>キホン</t>
    </rPh>
    <rPh sb="31" eb="33">
      <t>セッケイ</t>
    </rPh>
    <phoneticPr fontId="7"/>
  </si>
  <si>
    <t>船舶の調達に係る契約　令和７年度実績調査②（小型船舶）</t>
    <rPh sb="0" eb="2">
      <t>センパク</t>
    </rPh>
    <rPh sb="3" eb="5">
      <t>チョウタツ</t>
    </rPh>
    <rPh sb="22" eb="24">
      <t>コガタ</t>
    </rPh>
    <rPh sb="24" eb="26">
      <t>センパク</t>
    </rPh>
    <phoneticPr fontId="7"/>
  </si>
  <si>
    <t>建築物の設計に関する契約　令和７年度実績調査（概要）</t>
    <rPh sb="0" eb="3">
      <t>ケンチクブツ</t>
    </rPh>
    <rPh sb="4" eb="6">
      <t>セッケイ</t>
    </rPh>
    <rPh sb="7" eb="8">
      <t>カン</t>
    </rPh>
    <rPh sb="10" eb="12">
      <t>ケイヤク</t>
    </rPh>
    <rPh sb="18" eb="20">
      <t>ジッセキ</t>
    </rPh>
    <rPh sb="20" eb="22">
      <t>チョウサ</t>
    </rPh>
    <rPh sb="23" eb="25">
      <t>ガイヨウ</t>
    </rPh>
    <phoneticPr fontId="7"/>
  </si>
  <si>
    <t>建築物の維持管理に関する契約　令和７年度実績調査（詳細）</t>
    <phoneticPr fontId="119"/>
  </si>
  <si>
    <t>建築物の維持管理に関する契約　令和７年度実績調査（詳細）</t>
    <phoneticPr fontId="119"/>
  </si>
  <si>
    <t>建築物の維持管理に関する契約　令和７年度実績調査（概要）</t>
    <rPh sb="0" eb="3">
      <t>ケンチクブツ</t>
    </rPh>
    <rPh sb="4" eb="6">
      <t>イジ</t>
    </rPh>
    <rPh sb="6" eb="8">
      <t>カンリ</t>
    </rPh>
    <rPh sb="9" eb="10">
      <t>カン</t>
    </rPh>
    <rPh sb="12" eb="14">
      <t>ケイヤク</t>
    </rPh>
    <rPh sb="20" eb="22">
      <t>ジッセキ</t>
    </rPh>
    <rPh sb="22" eb="24">
      <t>チョウサ</t>
    </rPh>
    <rPh sb="25" eb="27">
      <t>ガイヨウ</t>
    </rPh>
    <phoneticPr fontId="7"/>
  </si>
  <si>
    <t>建築物の改修に係る契約　令和７年度実績調査①（既存建築物の改修計画）</t>
    <rPh sb="0" eb="3">
      <t>ケンチクブツ</t>
    </rPh>
    <rPh sb="4" eb="6">
      <t>カイシュウ</t>
    </rPh>
    <rPh sb="7" eb="8">
      <t>カカワ</t>
    </rPh>
    <rPh sb="9" eb="11">
      <t>ケイヤク</t>
    </rPh>
    <rPh sb="17" eb="19">
      <t>ジッセキ</t>
    </rPh>
    <rPh sb="19" eb="21">
      <t>チョウサ</t>
    </rPh>
    <rPh sb="23" eb="28">
      <t>キソンケンチクブツ</t>
    </rPh>
    <phoneticPr fontId="7"/>
  </si>
  <si>
    <t>建築物の改修に係る契約　令和７年度実績調査②（ESCO事業の検討）</t>
    <rPh sb="0" eb="3">
      <t>ケンチクブツ</t>
    </rPh>
    <rPh sb="4" eb="6">
      <t>カイシュウ</t>
    </rPh>
    <rPh sb="7" eb="8">
      <t>カカ</t>
    </rPh>
    <rPh sb="9" eb="11">
      <t>ケイヤク</t>
    </rPh>
    <rPh sb="17" eb="19">
      <t>ジッセキ</t>
    </rPh>
    <rPh sb="19" eb="21">
      <t>チョウサ</t>
    </rPh>
    <rPh sb="27" eb="29">
      <t>ジギョウ</t>
    </rPh>
    <rPh sb="30" eb="32">
      <t>ケントウ</t>
    </rPh>
    <phoneticPr fontId="7"/>
  </si>
  <si>
    <t>建築物の改修に係る契約　令和７年度実績調査⑤（その他の省エネ改修事業詳細）</t>
    <rPh sb="0" eb="3">
      <t>ケンチクブツ</t>
    </rPh>
    <rPh sb="4" eb="6">
      <t>カイシュウ</t>
    </rPh>
    <rPh sb="7" eb="8">
      <t>カカ</t>
    </rPh>
    <rPh sb="9" eb="11">
      <t>ケイヤク</t>
    </rPh>
    <rPh sb="17" eb="19">
      <t>ジッセキ</t>
    </rPh>
    <rPh sb="19" eb="21">
      <t>チョウサ</t>
    </rPh>
    <rPh sb="25" eb="26">
      <t>タ</t>
    </rPh>
    <rPh sb="27" eb="28">
      <t>ショウ</t>
    </rPh>
    <rPh sb="30" eb="32">
      <t>カイシュウ</t>
    </rPh>
    <rPh sb="32" eb="34">
      <t>ジギョウ</t>
    </rPh>
    <rPh sb="34" eb="36">
      <t>ショウサイ</t>
    </rPh>
    <phoneticPr fontId="7"/>
  </si>
  <si>
    <t>産業廃棄物処理に係る契約　令和７年度実績調査（概要）</t>
    <rPh sb="0" eb="2">
      <t>サンギョウ</t>
    </rPh>
    <rPh sb="2" eb="5">
      <t>ハイキブツ</t>
    </rPh>
    <rPh sb="5" eb="7">
      <t>ショリ</t>
    </rPh>
    <rPh sb="8" eb="9">
      <t>カカ</t>
    </rPh>
    <rPh sb="10" eb="12">
      <t>ケイヤク</t>
    </rPh>
    <rPh sb="18" eb="20">
      <t>ジッセキ</t>
    </rPh>
    <rPh sb="20" eb="22">
      <t>チョウサ</t>
    </rPh>
    <rPh sb="23" eb="25">
      <t>ガイヨウ</t>
    </rPh>
    <phoneticPr fontId="7"/>
  </si>
  <si>
    <t>産業廃棄物処理に係る契約　令和７年度実績調査（詳細）</t>
    <rPh sb="0" eb="2">
      <t>サンギョウ</t>
    </rPh>
    <rPh sb="2" eb="5">
      <t>ハイキブツ</t>
    </rPh>
    <rPh sb="5" eb="7">
      <t>ショリ</t>
    </rPh>
    <rPh sb="8" eb="9">
      <t>カカ</t>
    </rPh>
    <rPh sb="10" eb="12">
      <t>ケイヤク</t>
    </rPh>
    <rPh sb="18" eb="20">
      <t>ジッセキ</t>
    </rPh>
    <rPh sb="20" eb="22">
      <t>チョウサ</t>
    </rPh>
    <rPh sb="23" eb="25">
      <t>ショウサイ</t>
    </rPh>
    <phoneticPr fontId="7"/>
  </si>
  <si>
    <t>令和７年度産業廃棄物処理に係る契約に関するアンケート調査</t>
    <rPh sb="5" eb="7">
      <t>サンギョウ</t>
    </rPh>
    <rPh sb="7" eb="10">
      <t>ハイキブツ</t>
    </rPh>
    <rPh sb="10" eb="12">
      <t>ショリ</t>
    </rPh>
    <rPh sb="13" eb="14">
      <t>カカ</t>
    </rPh>
    <rPh sb="15" eb="17">
      <t>ケイヤク</t>
    </rPh>
    <rPh sb="18" eb="19">
      <t>カン</t>
    </rPh>
    <rPh sb="26" eb="28">
      <t>チョウサ</t>
    </rPh>
    <phoneticPr fontId="7"/>
  </si>
  <si>
    <t>※調査対象期間（令和７年4月1日～令和８年３月31日）が契約期間に含まれる「高圧又は特別高圧」の電気の供給を受ける契約（複数年契約を含む。）について記入してください。</t>
    <rPh sb="8" eb="10">
      <t>レイワ</t>
    </rPh>
    <phoneticPr fontId="7"/>
  </si>
  <si>
    <t xml:space="preserve">施設名・件名等
</t>
    <rPh sb="0" eb="2">
      <t>シセツ</t>
    </rPh>
    <rPh sb="2" eb="3">
      <t>メイ</t>
    </rPh>
    <rPh sb="4" eb="6">
      <t>ケンメイ</t>
    </rPh>
    <rPh sb="6" eb="7">
      <t>トウ</t>
    </rPh>
    <phoneticPr fontId="7"/>
  </si>
  <si>
    <t xml:space="preserve">
※発注案件単位で記入してください</t>
    <phoneticPr fontId="7"/>
  </si>
  <si>
    <t>年間使用電力量
(kWh)</t>
    <rPh sb="0" eb="2">
      <t>ネンカン</t>
    </rPh>
    <rPh sb="2" eb="4">
      <t>シヨウ</t>
    </rPh>
    <rPh sb="4" eb="6">
      <t>デンリョク</t>
    </rPh>
    <rPh sb="6" eb="7">
      <t>リョウ</t>
    </rPh>
    <phoneticPr fontId="7"/>
  </si>
  <si>
    <t>年間使用
電力量実績
(kWh)</t>
    <rPh sb="0" eb="2">
      <t>ネンカン</t>
    </rPh>
    <rPh sb="2" eb="4">
      <t>シヨウ</t>
    </rPh>
    <rPh sb="5" eb="7">
      <t>デンリョク</t>
    </rPh>
    <rPh sb="7" eb="8">
      <t>リョウ</t>
    </rPh>
    <rPh sb="8" eb="10">
      <t>ジッセキ</t>
    </rPh>
    <phoneticPr fontId="7"/>
  </si>
  <si>
    <r>
      <rPr>
        <sz val="14"/>
        <rFont val="ＭＳ Ｐゴシック"/>
        <family val="3"/>
        <charset val="128"/>
      </rPr>
      <t>契約方式</t>
    </r>
    <r>
      <rPr>
        <sz val="11"/>
        <rFont val="ＭＳ Ｐゴシック"/>
        <family val="3"/>
        <charset val="128"/>
      </rPr>
      <t xml:space="preserve">
</t>
    </r>
    <r>
      <rPr>
        <sz val="11"/>
        <color rgb="FFFF0000"/>
        <rFont val="ＭＳ Ｐゴシック"/>
        <family val="3"/>
        <charset val="128"/>
      </rPr>
      <t>最新の契約が最終保障供給の
場合は、最終保障供給移行前の
契約方式を選択するとともに、
「</t>
    </r>
    <r>
      <rPr>
        <b/>
        <sz val="11"/>
        <color rgb="FFFF0000"/>
        <rFont val="ＭＳ Ｐゴシック"/>
        <family val="3"/>
        <charset val="128"/>
      </rPr>
      <t>最終保障供給</t>
    </r>
    <r>
      <rPr>
        <sz val="11"/>
        <color rgb="FFFF0000"/>
        <rFont val="ＭＳ Ｐゴシック"/>
        <family val="3"/>
        <charset val="128"/>
      </rPr>
      <t>」欄の
「</t>
    </r>
    <r>
      <rPr>
        <b/>
        <sz val="11"/>
        <color rgb="FFFF0000"/>
        <rFont val="ＭＳ Ｐゴシック"/>
        <family val="3"/>
        <charset val="128"/>
      </rPr>
      <t>○</t>
    </r>
    <r>
      <rPr>
        <sz val="11"/>
        <color rgb="FFFF0000"/>
        <rFont val="ＭＳ Ｐゴシック"/>
        <family val="3"/>
        <charset val="128"/>
      </rPr>
      <t>」印を選択</t>
    </r>
    <rPh sb="0" eb="2">
      <t>ケイヤク</t>
    </rPh>
    <rPh sb="2" eb="4">
      <t>ホウシキ</t>
    </rPh>
    <rPh sb="6" eb="8">
      <t>サイシン</t>
    </rPh>
    <rPh sb="9" eb="11">
      <t>ケイヤク</t>
    </rPh>
    <rPh sb="12" eb="14">
      <t>サイシュウ</t>
    </rPh>
    <rPh sb="14" eb="16">
      <t>ホショウ</t>
    </rPh>
    <rPh sb="16" eb="18">
      <t>キョウキュウ</t>
    </rPh>
    <rPh sb="20" eb="22">
      <t>バアイ</t>
    </rPh>
    <rPh sb="24" eb="26">
      <t>サイシュウ</t>
    </rPh>
    <rPh sb="26" eb="28">
      <t>ホショウ</t>
    </rPh>
    <rPh sb="28" eb="30">
      <t>キョウキュウ</t>
    </rPh>
    <rPh sb="30" eb="32">
      <t>イコウ</t>
    </rPh>
    <rPh sb="32" eb="33">
      <t>マエ</t>
    </rPh>
    <rPh sb="35" eb="39">
      <t>ケイヤクホウシキ</t>
    </rPh>
    <rPh sb="40" eb="42">
      <t>センタク</t>
    </rPh>
    <rPh sb="55" eb="57">
      <t>キョウキュウ</t>
    </rPh>
    <rPh sb="58" eb="59">
      <t>ラン</t>
    </rPh>
    <phoneticPr fontId="7"/>
  </si>
  <si>
    <t>ゼロワットパワー株式会社</t>
    <rPh sb="8" eb="12">
      <t>カブシキガイシャ</t>
    </rPh>
    <phoneticPr fontId="11"/>
  </si>
  <si>
    <t>丸紅新電力株式会社</t>
    <rPh sb="0" eb="2">
      <t>マルベニ</t>
    </rPh>
    <rPh sb="2" eb="5">
      <t>シンデンリョク</t>
    </rPh>
    <rPh sb="5" eb="9">
      <t>カブシキガイシャ</t>
    </rPh>
    <phoneticPr fontId="11"/>
  </si>
  <si>
    <t>香川電力株式会社</t>
    <rPh sb="0" eb="2">
      <t>カガワ</t>
    </rPh>
    <rPh sb="2" eb="4">
      <t>デンリョク</t>
    </rPh>
    <rPh sb="4" eb="8">
      <t>カブシキガイシャ</t>
    </rPh>
    <phoneticPr fontId="91"/>
  </si>
  <si>
    <t>Ｊａｐａｎ電力株式会社</t>
  </si>
  <si>
    <t>株式会社ＳＥウイングズ</t>
    <rPh sb="0" eb="2">
      <t>カブシキ</t>
    </rPh>
    <rPh sb="2" eb="4">
      <t>カイシャ</t>
    </rPh>
    <phoneticPr fontId="13"/>
  </si>
  <si>
    <t>株式会社ハルエネ</t>
  </si>
  <si>
    <t>株式会社ワット</t>
    <rPh sb="0" eb="4">
      <t>カブシキガイシャ</t>
    </rPh>
    <phoneticPr fontId="13"/>
  </si>
  <si>
    <t>中央電力エナジー株式会社</t>
  </si>
  <si>
    <t>株式会社新出光</t>
  </si>
  <si>
    <t>株式会社関電エネルギーソリューション</t>
    <rPh sb="0" eb="4">
      <t>カブシキガイシャ</t>
    </rPh>
    <phoneticPr fontId="11"/>
  </si>
  <si>
    <t>株式会社グローバルエンジニアリング</t>
    <rPh sb="0" eb="4">
      <t>カブシキガイシャ</t>
    </rPh>
    <phoneticPr fontId="11"/>
  </si>
  <si>
    <t>スマートエコエナジー株式会社</t>
  </si>
  <si>
    <t>東京ガス株式会社</t>
    <rPh sb="4" eb="8">
      <t>カブシキガイシャ</t>
    </rPh>
    <phoneticPr fontId="11"/>
  </si>
  <si>
    <t>A0130</t>
  </si>
  <si>
    <t>A0179</t>
  </si>
  <si>
    <t>A0070</t>
  </si>
  <si>
    <t>A0311</t>
  </si>
  <si>
    <t>A0392</t>
  </si>
  <si>
    <t>A0617</t>
  </si>
  <si>
    <t>株式会社エネルギア・ソリューション・アンド・サービス</t>
  </si>
  <si>
    <t>A0063</t>
  </si>
  <si>
    <t>事業者全体の二酸化炭素排出係数</t>
  </si>
  <si>
    <t>調達する電気に占める再生可能エネルギー電気の割合</t>
  </si>
  <si>
    <t>再生可能エネルギーの導入状況</t>
  </si>
  <si>
    <t>未利用エネルギーの活用状況</t>
  </si>
  <si>
    <t>調達する電気に占める追加性のある再生可能エネルギー電気の割合</t>
  </si>
  <si>
    <t>指定地域における持続的な再生可能エネルギー電気の創出・炉用に向けた取組</t>
  </si>
  <si>
    <t>ディマンド・リスポンスの取組</t>
  </si>
  <si>
    <r>
      <t xml:space="preserve">入札参加者（契約事業者に◎印、その他の入札参加事業者に○、裾切りにより入札に参加できなかった者に×を選択して記入）
または
随意契約事業者（契約事業者に◎印、相見積を行った場合、その他事業者に○印を記入）
</t>
    </r>
    <r>
      <rPr>
        <b/>
        <u/>
        <sz val="11"/>
        <color rgb="FFFF0000"/>
        <rFont val="ＭＳ Ｐゴシック"/>
        <family val="3"/>
        <charset val="128"/>
      </rPr>
      <t>※　「契約方式」の項目の回答内容にかかわらず、必ず記入してください。
なお、「契約方式」の項目が「B」の場合は、最終的に締結した契約の情報を記入してください。
最終保障契約が「○」の場合は、最終保障契約の情報を記入してください。</t>
    </r>
    <rPh sb="0" eb="2">
      <t>ニュウサツ</t>
    </rPh>
    <rPh sb="2" eb="4">
      <t>サンカ</t>
    </rPh>
    <rPh sb="4" eb="5">
      <t>シャ</t>
    </rPh>
    <rPh sb="6" eb="8">
      <t>ケイヤク</t>
    </rPh>
    <rPh sb="8" eb="9">
      <t>コト</t>
    </rPh>
    <rPh sb="9" eb="11">
      <t>ギョウシャ</t>
    </rPh>
    <rPh sb="13" eb="14">
      <t>シルシ</t>
    </rPh>
    <rPh sb="17" eb="18">
      <t>ホカ</t>
    </rPh>
    <rPh sb="19" eb="21">
      <t>ニュウサツ</t>
    </rPh>
    <rPh sb="21" eb="23">
      <t>サンカ</t>
    </rPh>
    <rPh sb="23" eb="26">
      <t>ジギョウシャ</t>
    </rPh>
    <rPh sb="29" eb="30">
      <t>スソ</t>
    </rPh>
    <rPh sb="30" eb="31">
      <t>キ</t>
    </rPh>
    <rPh sb="35" eb="37">
      <t>ニュウサツ</t>
    </rPh>
    <rPh sb="38" eb="40">
      <t>サンカ</t>
    </rPh>
    <rPh sb="46" eb="47">
      <t>モノ</t>
    </rPh>
    <rPh sb="50" eb="52">
      <t>センタク</t>
    </rPh>
    <rPh sb="54" eb="56">
      <t>キニュウ</t>
    </rPh>
    <rPh sb="62" eb="64">
      <t>ズイイ</t>
    </rPh>
    <rPh sb="64" eb="66">
      <t>ケイヤク</t>
    </rPh>
    <rPh sb="66" eb="68">
      <t>ジギョウ</t>
    </rPh>
    <rPh sb="68" eb="69">
      <t>シャ</t>
    </rPh>
    <rPh sb="79" eb="82">
      <t>アイミツモリ</t>
    </rPh>
    <rPh sb="83" eb="84">
      <t>オコナ</t>
    </rPh>
    <rPh sb="86" eb="88">
      <t>バアイ</t>
    </rPh>
    <rPh sb="91" eb="92">
      <t>タ</t>
    </rPh>
    <rPh sb="92" eb="95">
      <t>ジギョウシャ</t>
    </rPh>
    <rPh sb="97" eb="98">
      <t>ジルシ</t>
    </rPh>
    <rPh sb="99" eb="101">
      <t>キニュウ</t>
    </rPh>
    <rPh sb="107" eb="109">
      <t>ケイヤク</t>
    </rPh>
    <rPh sb="109" eb="111">
      <t>ホウシキ</t>
    </rPh>
    <rPh sb="113" eb="115">
      <t>コウモク</t>
    </rPh>
    <rPh sb="116" eb="118">
      <t>カイトウ</t>
    </rPh>
    <rPh sb="118" eb="120">
      <t>ナイヨウ</t>
    </rPh>
    <rPh sb="127" eb="128">
      <t>カナラ</t>
    </rPh>
    <rPh sb="164" eb="166">
      <t>テイケツ</t>
    </rPh>
    <rPh sb="184" eb="186">
      <t>サイシュウ</t>
    </rPh>
    <rPh sb="186" eb="188">
      <t>ホショウ</t>
    </rPh>
    <rPh sb="188" eb="190">
      <t>ケイヤク</t>
    </rPh>
    <rPh sb="195" eb="197">
      <t>バアイ</t>
    </rPh>
    <rPh sb="199" eb="201">
      <t>サイシュウ</t>
    </rPh>
    <rPh sb="201" eb="203">
      <t>ホショウ</t>
    </rPh>
    <rPh sb="203" eb="205">
      <t>ケイヤク</t>
    </rPh>
    <rPh sb="206" eb="208">
      <t>ジョウホウ</t>
    </rPh>
    <rPh sb="209" eb="211">
      <t>キニュウ</t>
    </rPh>
    <phoneticPr fontId="7"/>
  </si>
  <si>
    <t xml:space="preserve">総合評価落札方式
</t>
    <phoneticPr fontId="7"/>
  </si>
  <si>
    <t>入札公告の回数</t>
    <rPh sb="0" eb="2">
      <t>ニュウサツ</t>
    </rPh>
    <rPh sb="2" eb="4">
      <t>コウコク</t>
    </rPh>
    <rPh sb="5" eb="7">
      <t>カイスウ</t>
    </rPh>
    <phoneticPr fontId="7"/>
  </si>
  <si>
    <t>実際に調達した電気の
再エネ比率実績（％）</t>
    <rPh sb="0" eb="2">
      <t>ジッサイ</t>
    </rPh>
    <rPh sb="3" eb="5">
      <t>チョウタツ</t>
    </rPh>
    <rPh sb="7" eb="9">
      <t>デンキ</t>
    </rPh>
    <rPh sb="11" eb="12">
      <t>サイ</t>
    </rPh>
    <rPh sb="14" eb="16">
      <t>ヒリツ</t>
    </rPh>
    <rPh sb="16" eb="18">
      <t>ジッセキ</t>
    </rPh>
    <phoneticPr fontId="7"/>
  </si>
  <si>
    <t xml:space="preserve">
※「総数」には、契約方式によらず調査対象期間中に購入及び賃貸借の契約を行った全ての台数を記入してください。なお、複数年度の賃貸借契約については、令和７年度が契約初年度の契約が対象になります。
ただし、以下の契約は調査対象外です。
・少額随意契約
・再リース契約
・契約期間が短期間（数か月程度）の賃貸借契約のうち、環境配慮契約（総合評価落札方式）が未実施である契約</t>
    <rPh sb="18" eb="20">
      <t>チョウサ</t>
    </rPh>
    <rPh sb="20" eb="22">
      <t>タイショウ</t>
    </rPh>
    <rPh sb="22" eb="24">
      <t>キカン</t>
    </rPh>
    <rPh sb="80" eb="82">
      <t>ケイヤク</t>
    </rPh>
    <rPh sb="151" eb="154">
      <t>チンタイシャク</t>
    </rPh>
    <phoneticPr fontId="7"/>
  </si>
  <si>
    <t>（３）車種別の調達台数</t>
    <rPh sb="3" eb="6">
      <t>シャシュベツ</t>
    </rPh>
    <rPh sb="7" eb="11">
      <t>チョウタツダイスウ</t>
    </rPh>
    <phoneticPr fontId="7"/>
  </si>
  <si>
    <t>乗用車</t>
    <rPh sb="0" eb="3">
      <t>ジョウヨウシャ</t>
    </rPh>
    <phoneticPr fontId="7"/>
  </si>
  <si>
    <t>貨物車</t>
    <rPh sb="0" eb="3">
      <t>カモツシャ</t>
    </rPh>
    <phoneticPr fontId="7"/>
  </si>
  <si>
    <t>電気自動車</t>
  </si>
  <si>
    <t>燃料電池自動車</t>
  </si>
  <si>
    <t>プラグインハイブリッド自動車</t>
  </si>
  <si>
    <t>ハイブリッド自動車</t>
  </si>
  <si>
    <t>クリーンディーゼル自動車</t>
  </si>
  <si>
    <t>天然ガス自動車</t>
  </si>
  <si>
    <t>（総合評価落札方式によらない調達台数を含む総数。購入台数と賃貸借台数の合計）</t>
    <rPh sb="14" eb="16">
      <t>チョウタツ</t>
    </rPh>
    <rPh sb="21" eb="23">
      <t>ソウスウ</t>
    </rPh>
    <rPh sb="24" eb="26">
      <t>コウニュウ</t>
    </rPh>
    <rPh sb="26" eb="28">
      <t>ダイスウ</t>
    </rPh>
    <rPh sb="29" eb="32">
      <t>チンタイシャク</t>
    </rPh>
    <rPh sb="32" eb="34">
      <t>ダイスウ</t>
    </rPh>
    <rPh sb="35" eb="37">
      <t>ゴウケイ</t>
    </rPh>
    <phoneticPr fontId="7"/>
  </si>
  <si>
    <t>合計値は上表の（１）と一致させること。</t>
    <rPh sb="0" eb="3">
      <t>ゴウケイチ</t>
    </rPh>
    <rPh sb="4" eb="5">
      <t>ウエ</t>
    </rPh>
    <rPh sb="5" eb="6">
      <t>ヒョウ</t>
    </rPh>
    <rPh sb="11" eb="13">
      <t>イッチ</t>
    </rPh>
    <phoneticPr fontId="7"/>
  </si>
  <si>
    <t>上記以外の自動車</t>
    <rPh sb="0" eb="4">
      <t>ジョウキイガイ</t>
    </rPh>
    <rPh sb="5" eb="8">
      <t>ジドウシャ</t>
    </rPh>
    <phoneticPr fontId="7"/>
  </si>
  <si>
    <r>
      <t xml:space="preserve">政府実行計画における機関コード
</t>
    </r>
    <r>
      <rPr>
        <b/>
        <sz val="11"/>
        <color rgb="FFFF0000"/>
        <rFont val="ＭＳ Ｐゴシック"/>
        <family val="3"/>
        <charset val="128"/>
      </rPr>
      <t>国の機関
のみ記載</t>
    </r>
    <rPh sb="0" eb="2">
      <t>セイフ</t>
    </rPh>
    <rPh sb="2" eb="6">
      <t>ジッコウケイカク</t>
    </rPh>
    <rPh sb="10" eb="12">
      <t>キカン</t>
    </rPh>
    <rPh sb="17" eb="18">
      <t>クニ</t>
    </rPh>
    <rPh sb="19" eb="21">
      <t>キカン</t>
    </rPh>
    <rPh sb="24" eb="26">
      <t>キサイ</t>
    </rPh>
    <phoneticPr fontId="7"/>
  </si>
  <si>
    <r>
      <rPr>
        <sz val="11"/>
        <color rgb="FFFF0000"/>
        <rFont val="ＭＳ Ｐゴシック"/>
        <family val="3"/>
        <charset val="128"/>
      </rPr>
      <t>調達仕様に明記しない場合　又は　40％以上を調達仕様にできない場合</t>
    </r>
    <r>
      <rPr>
        <sz val="11"/>
        <rFont val="ＭＳ Ｐゴシック"/>
        <family val="3"/>
        <charset val="128"/>
      </rPr>
      <t xml:space="preserve">
その理由</t>
    </r>
    <rPh sb="0" eb="4">
      <t>チョウタツシヨウ</t>
    </rPh>
    <rPh sb="5" eb="7">
      <t>メイキ</t>
    </rPh>
    <rPh sb="10" eb="12">
      <t>バアイ</t>
    </rPh>
    <rPh sb="13" eb="14">
      <t>マタ</t>
    </rPh>
    <rPh sb="19" eb="21">
      <t>イジョウ</t>
    </rPh>
    <rPh sb="22" eb="26">
      <t>チョウタツシヨウ</t>
    </rPh>
    <rPh sb="31" eb="33">
      <t>バアイ</t>
    </rPh>
    <rPh sb="36" eb="38">
      <t>リユウ</t>
    </rPh>
    <phoneticPr fontId="7"/>
  </si>
  <si>
    <r>
      <rPr>
        <u/>
        <sz val="11"/>
        <color indexed="10"/>
        <rFont val="ＭＳ ゴシック"/>
        <family val="3"/>
        <charset val="128"/>
      </rPr>
      <t>調査対象期間（期間は令和７年４月１日～令和８年３月31日。以下同じ。）が契約期間に含まれる「高圧又は特別高圧」の電気の供給を受ける契約（複数年契約を含む。）について記入</t>
    </r>
    <r>
      <rPr>
        <sz val="11"/>
        <rFont val="ＭＳ ゴシック"/>
        <family val="3"/>
        <charset val="128"/>
      </rPr>
      <t>してください。
同一施設で</t>
    </r>
    <r>
      <rPr>
        <u/>
        <sz val="11"/>
        <color indexed="10"/>
        <rFont val="ＭＳ ゴシック"/>
        <family val="3"/>
        <charset val="128"/>
      </rPr>
      <t>調査対象期間を契約期間に含む契約が複数ある場合は、契約の始期がより新しい契約のみを記入</t>
    </r>
    <r>
      <rPr>
        <sz val="11"/>
        <rFont val="ＭＳ ゴシック"/>
        <family val="3"/>
        <charset val="128"/>
      </rPr>
      <t>してください。（例えば、ある施設においてR6.7.1～R7.6.30の契約が終了したことにより、R7.7.1～R8.6.30の契約を締結した場合、より新しいR7.7.1～R8.6.30の契約のみを記載する。）</t>
    </r>
    <rPh sb="0" eb="2">
      <t>チョウサ</t>
    </rPh>
    <rPh sb="2" eb="4">
      <t>タイショウ</t>
    </rPh>
    <rPh sb="4" eb="6">
      <t>キカン</t>
    </rPh>
    <rPh sb="7" eb="9">
      <t>キカン</t>
    </rPh>
    <rPh sb="10" eb="12">
      <t>レイワ</t>
    </rPh>
    <rPh sb="29" eb="31">
      <t>イカ</t>
    </rPh>
    <rPh sb="31" eb="32">
      <t>オナ</t>
    </rPh>
    <rPh sb="38" eb="40">
      <t>キカン</t>
    </rPh>
    <rPh sb="41" eb="42">
      <t>フク</t>
    </rPh>
    <rPh sb="68" eb="71">
      <t>フクスウネン</t>
    </rPh>
    <rPh sb="71" eb="73">
      <t>ケイヤク</t>
    </rPh>
    <rPh sb="74" eb="75">
      <t>フク</t>
    </rPh>
    <rPh sb="92" eb="94">
      <t>ドウイツ</t>
    </rPh>
    <rPh sb="94" eb="96">
      <t>シセツ</t>
    </rPh>
    <rPh sb="104" eb="106">
      <t>ケイヤク</t>
    </rPh>
    <rPh sb="106" eb="108">
      <t>キカン</t>
    </rPh>
    <rPh sb="109" eb="110">
      <t>フク</t>
    </rPh>
    <rPh sb="118" eb="120">
      <t>バアイ</t>
    </rPh>
    <rPh sb="122" eb="124">
      <t>ケイヤク</t>
    </rPh>
    <rPh sb="125" eb="127">
      <t>シキ</t>
    </rPh>
    <rPh sb="130" eb="131">
      <t>アタラ</t>
    </rPh>
    <rPh sb="133" eb="135">
      <t>ケイヤク</t>
    </rPh>
    <rPh sb="138" eb="140">
      <t>キニュウ</t>
    </rPh>
    <rPh sb="148" eb="149">
      <t>タト</t>
    </rPh>
    <rPh sb="154" eb="156">
      <t>シセツ</t>
    </rPh>
    <rPh sb="175" eb="177">
      <t>ケイヤク</t>
    </rPh>
    <rPh sb="178" eb="180">
      <t>シュウリョウ</t>
    </rPh>
    <rPh sb="203" eb="205">
      <t>ケイヤク</t>
    </rPh>
    <rPh sb="206" eb="208">
      <t>テイケツ</t>
    </rPh>
    <rPh sb="210" eb="212">
      <t>バアイ</t>
    </rPh>
    <rPh sb="215" eb="216">
      <t>アタラ</t>
    </rPh>
    <rPh sb="233" eb="235">
      <t>ケイヤク</t>
    </rPh>
    <rPh sb="238" eb="240">
      <t>キサイ</t>
    </rPh>
    <phoneticPr fontId="7"/>
  </si>
  <si>
    <t>「上記以外の自動車」は上記以外のガソリン又は軽油その他の燃料を使用した自動車</t>
    <rPh sb="1" eb="5">
      <t>ジョウキイガイ</t>
    </rPh>
    <rPh sb="6" eb="9">
      <t>ジドウシャ</t>
    </rPh>
    <rPh sb="11" eb="15">
      <t>ジョウキイガイ</t>
    </rPh>
    <rPh sb="20" eb="21">
      <t>マタ</t>
    </rPh>
    <rPh sb="22" eb="24">
      <t>ケイユ</t>
    </rPh>
    <rPh sb="26" eb="27">
      <t>タ</t>
    </rPh>
    <rPh sb="28" eb="30">
      <t>ネンリョウ</t>
    </rPh>
    <rPh sb="31" eb="33">
      <t>シヨウ</t>
    </rPh>
    <rPh sb="35" eb="38">
      <t>ジドウシャ</t>
    </rPh>
    <phoneticPr fontId="7"/>
  </si>
  <si>
    <t>「（３）車種別の調達台数」は乗用車と貨物車の場合に分けて車種別（電気自動車、ハイブリッド自動車など）の購入と賃貸借の合計台数を記入してください。</t>
    <rPh sb="4" eb="7">
      <t>シャシュベツ</t>
    </rPh>
    <rPh sb="8" eb="12">
      <t>チョウタツダイスウ</t>
    </rPh>
    <rPh sb="14" eb="17">
      <t>ジョウヨウシャ</t>
    </rPh>
    <rPh sb="18" eb="21">
      <t>カモツシャ</t>
    </rPh>
    <rPh sb="22" eb="24">
      <t>バアイ</t>
    </rPh>
    <rPh sb="25" eb="26">
      <t>ワ</t>
    </rPh>
    <rPh sb="28" eb="31">
      <t>シャシュベツ</t>
    </rPh>
    <rPh sb="32" eb="37">
      <t>デンキジドウシャ</t>
    </rPh>
    <rPh sb="44" eb="47">
      <t>ジドウシャ</t>
    </rPh>
    <rPh sb="51" eb="53">
      <t>コウニュウ</t>
    </rPh>
    <rPh sb="54" eb="57">
      <t>チンタイシャク</t>
    </rPh>
    <rPh sb="58" eb="62">
      <t>ゴウケイダイスウ</t>
    </rPh>
    <rPh sb="63" eb="65">
      <t>キニュウ</t>
    </rPh>
    <phoneticPr fontId="7"/>
  </si>
  <si>
    <t>「（１）総合評価落札方式による自動車の購入及び賃貸借の実績」の「総数」には、契約方式によらず調査対象期間中に購入及び賃貸借の契約を行った全ての台数を記入してください。なお、複数年度の賃貸借契約については、令和７年度が契約初年度の契約が対象になります。
ただし、以下の契約は調査対象外です。
・少額随意契約
・再リース契約
・契約期間が短期間（数か月程度）の賃貸借契約のうち、環境配慮契約（総合評価落札方式）が未実施である契約</t>
    <rPh sb="32" eb="34">
      <t>ソウスウ</t>
    </rPh>
    <rPh sb="38" eb="40">
      <t>ケイヤク</t>
    </rPh>
    <rPh sb="40" eb="42">
      <t>ホウシキ</t>
    </rPh>
    <rPh sb="46" eb="48">
      <t>チョウサ</t>
    </rPh>
    <rPh sb="48" eb="50">
      <t>タイショウ</t>
    </rPh>
    <rPh sb="50" eb="52">
      <t>キカン</t>
    </rPh>
    <rPh sb="52" eb="53">
      <t>チュウ</t>
    </rPh>
    <rPh sb="54" eb="56">
      <t>コウニュウ</t>
    </rPh>
    <rPh sb="56" eb="57">
      <t>オヨ</t>
    </rPh>
    <rPh sb="58" eb="61">
      <t>チンタイシャク</t>
    </rPh>
    <rPh sb="62" eb="64">
      <t>ケイヤク</t>
    </rPh>
    <rPh sb="65" eb="66">
      <t>オコナ</t>
    </rPh>
    <rPh sb="68" eb="69">
      <t>スベ</t>
    </rPh>
    <rPh sb="71" eb="73">
      <t>ダイスウ</t>
    </rPh>
    <rPh sb="74" eb="76">
      <t>キニュウ</t>
    </rPh>
    <rPh sb="108" eb="110">
      <t>ケイヤク</t>
    </rPh>
    <rPh sb="130" eb="132">
      <t>イカ</t>
    </rPh>
    <rPh sb="133" eb="135">
      <t>ケイヤク</t>
    </rPh>
    <rPh sb="136" eb="138">
      <t>チョウサ</t>
    </rPh>
    <rPh sb="138" eb="141">
      <t>タイショウガイ</t>
    </rPh>
    <rPh sb="154" eb="155">
      <t>サイ</t>
    </rPh>
    <rPh sb="158" eb="160">
      <t>ケイヤク</t>
    </rPh>
    <rPh sb="162" eb="164">
      <t>ケイヤク</t>
    </rPh>
    <rPh sb="164" eb="166">
      <t>キカン</t>
    </rPh>
    <rPh sb="174" eb="176">
      <t>テイド</t>
    </rPh>
    <rPh sb="178" eb="181">
      <t>チンタイシャク</t>
    </rPh>
    <rPh sb="181" eb="183">
      <t>ケイヤク</t>
    </rPh>
    <rPh sb="194" eb="196">
      <t>ソウゴウ</t>
    </rPh>
    <rPh sb="196" eb="198">
      <t>ヒョウカ</t>
    </rPh>
    <rPh sb="198" eb="200">
      <t>ラクサツ</t>
    </rPh>
    <rPh sb="200" eb="202">
      <t>ホウシキ</t>
    </rPh>
    <rPh sb="210" eb="212">
      <t>ケイヤク</t>
    </rPh>
    <phoneticPr fontId="7"/>
  </si>
  <si>
    <t>令和７年度が契約初年度となるESCO事業について記入してください。</t>
    <rPh sb="6" eb="8">
      <t>ケイヤク</t>
    </rPh>
    <rPh sb="8" eb="11">
      <t>ショネンド</t>
    </rPh>
    <rPh sb="18" eb="20">
      <t>ジギョウ</t>
    </rPh>
    <rPh sb="24" eb="26">
      <t>キニュウ</t>
    </rPh>
    <phoneticPr fontId="7"/>
  </si>
  <si>
    <t>調査対象期間中に締結した建築物の改修に係る契約（ESCO以外の省エネ改修に限る）のうち、改修設計について記入してください。
なお、複数年にわたる契約については、令和７年度が契約初年度の契約が調査対象になります。
【4-3E】も同様です。</t>
    <rPh sb="0" eb="2">
      <t>チョウサ</t>
    </rPh>
    <rPh sb="2" eb="4">
      <t>タイショウ</t>
    </rPh>
    <rPh sb="4" eb="6">
      <t>キカン</t>
    </rPh>
    <rPh sb="12" eb="14">
      <t>ケンチク</t>
    </rPh>
    <rPh sb="14" eb="15">
      <t>ブツ</t>
    </rPh>
    <rPh sb="16" eb="18">
      <t>カイシュウ</t>
    </rPh>
    <rPh sb="19" eb="20">
      <t>カカ</t>
    </rPh>
    <rPh sb="21" eb="23">
      <t>ケイヤク</t>
    </rPh>
    <rPh sb="31" eb="32">
      <t>ショウ</t>
    </rPh>
    <rPh sb="34" eb="36">
      <t>カイシュウ</t>
    </rPh>
    <rPh sb="44" eb="46">
      <t>カイシュウ</t>
    </rPh>
    <rPh sb="46" eb="48">
      <t>セッケイ</t>
    </rPh>
    <rPh sb="52" eb="54">
      <t>キニュウ</t>
    </rPh>
    <rPh sb="72" eb="74">
      <t>ケイヤク</t>
    </rPh>
    <rPh sb="113" eb="115">
      <t>ドウヨウ</t>
    </rPh>
    <phoneticPr fontId="7"/>
  </si>
  <si>
    <t>調査対象期間中に契約締結した産業廃棄物処理契約が対象になります。なお、複数年契約については、令和７年度が契約初年度の契約が調査対象になります。
ただし、以下の契約は調査対象外です。
・少額随意契約
・一般廃棄物処理業務等との一括発注であり、産業廃棄物処理業務が主ではない契約</t>
    <rPh sb="0" eb="2">
      <t>チョウサ</t>
    </rPh>
    <rPh sb="2" eb="4">
      <t>タイショウ</t>
    </rPh>
    <rPh sb="4" eb="6">
      <t>キカン</t>
    </rPh>
    <rPh sb="6" eb="7">
      <t>チュウ</t>
    </rPh>
    <rPh sb="8" eb="10">
      <t>ケイヤク</t>
    </rPh>
    <rPh sb="10" eb="12">
      <t>テイケツ</t>
    </rPh>
    <rPh sb="14" eb="16">
      <t>サンギョウ</t>
    </rPh>
    <rPh sb="16" eb="19">
      <t>ハイキブツ</t>
    </rPh>
    <rPh sb="19" eb="21">
      <t>ショリ</t>
    </rPh>
    <rPh sb="21" eb="23">
      <t>ケイヤク</t>
    </rPh>
    <rPh sb="24" eb="26">
      <t>タイショウ</t>
    </rPh>
    <rPh sb="52" eb="54">
      <t>ケイヤク</t>
    </rPh>
    <rPh sb="76" eb="78">
      <t>イカ</t>
    </rPh>
    <rPh sb="79" eb="81">
      <t>ケイヤク</t>
    </rPh>
    <rPh sb="82" eb="84">
      <t>チョウサ</t>
    </rPh>
    <rPh sb="84" eb="87">
      <t>タイショウガイ</t>
    </rPh>
    <rPh sb="92" eb="94">
      <t>ショウガク</t>
    </rPh>
    <rPh sb="94" eb="96">
      <t>ズイイ</t>
    </rPh>
    <rPh sb="96" eb="98">
      <t>ケイヤク</t>
    </rPh>
    <rPh sb="100" eb="102">
      <t>イッパン</t>
    </rPh>
    <rPh sb="102" eb="105">
      <t>ハイキブツ</t>
    </rPh>
    <rPh sb="105" eb="107">
      <t>ショリ</t>
    </rPh>
    <rPh sb="107" eb="109">
      <t>ギョウム</t>
    </rPh>
    <rPh sb="109" eb="110">
      <t>トウ</t>
    </rPh>
    <rPh sb="112" eb="114">
      <t>イッカツ</t>
    </rPh>
    <rPh sb="114" eb="116">
      <t>ハッチュウ</t>
    </rPh>
    <rPh sb="120" eb="122">
      <t>サンギョウ</t>
    </rPh>
    <rPh sb="122" eb="125">
      <t>ハイキブツ</t>
    </rPh>
    <rPh sb="125" eb="127">
      <t>ショリ</t>
    </rPh>
    <rPh sb="127" eb="129">
      <t>ギョウム</t>
    </rPh>
    <rPh sb="130" eb="131">
      <t>シュ</t>
    </rPh>
    <rPh sb="135" eb="137">
      <t>ケイヤク</t>
    </rPh>
    <phoneticPr fontId="7"/>
  </si>
  <si>
    <t>R6.11</t>
    <phoneticPr fontId="7"/>
  </si>
  <si>
    <t>R6.12</t>
    <phoneticPr fontId="7"/>
  </si>
  <si>
    <t>R7.10～R8.9</t>
    <phoneticPr fontId="7"/>
  </si>
  <si>
    <t>R7.4～R9.3</t>
    <phoneticPr fontId="7"/>
  </si>
  <si>
    <t>R7.8～R8.7</t>
    <phoneticPr fontId="7"/>
  </si>
  <si>
    <t>R7.6～R8.5</t>
    <phoneticPr fontId="7"/>
  </si>
  <si>
    <r>
      <t>「使用電力量実績」には、</t>
    </r>
    <r>
      <rPr>
        <u/>
        <sz val="11"/>
        <color rgb="FFFF0000"/>
        <rFont val="ＭＳ ゴシック"/>
        <family val="3"/>
        <charset val="128"/>
      </rPr>
      <t>契約期間によらず、令和７年度に使用した電力の実績量を記入</t>
    </r>
    <r>
      <rPr>
        <sz val="11"/>
        <rFont val="ＭＳ ゴシック"/>
        <family val="3"/>
        <charset val="128"/>
      </rPr>
      <t>してください。</t>
    </r>
    <rPh sb="1" eb="3">
      <t>シヨウ</t>
    </rPh>
    <rPh sb="3" eb="5">
      <t>デンリョク</t>
    </rPh>
    <rPh sb="5" eb="6">
      <t>リョウ</t>
    </rPh>
    <rPh sb="12" eb="16">
      <t>ケイヤクキカン</t>
    </rPh>
    <rPh sb="21" eb="23">
      <t>レイワ</t>
    </rPh>
    <rPh sb="24" eb="26">
      <t>ネンド</t>
    </rPh>
    <rPh sb="31" eb="33">
      <t>デンリョク</t>
    </rPh>
    <rPh sb="38" eb="40">
      <t>キニュウ</t>
    </rPh>
    <phoneticPr fontId="7"/>
  </si>
  <si>
    <t>評価項目（加算点）の設定</t>
    <rPh sb="0" eb="2">
      <t>ヒョウカ</t>
    </rPh>
    <rPh sb="2" eb="4">
      <t>コウモク</t>
    </rPh>
    <rPh sb="5" eb="8">
      <t>カサンテン</t>
    </rPh>
    <rPh sb="10" eb="12">
      <t>セッテイ</t>
    </rPh>
    <phoneticPr fontId="7"/>
  </si>
  <si>
    <r>
      <rPr>
        <u/>
        <sz val="11"/>
        <color indexed="10"/>
        <rFont val="ＭＳ ゴシック"/>
        <family val="3"/>
        <charset val="128"/>
      </rPr>
      <t>「総合評価落札方式」の欄については、次のとおり記入してください。</t>
    </r>
    <r>
      <rPr>
        <sz val="11"/>
        <color indexed="10"/>
        <rFont val="ＭＳ ゴシック"/>
        <family val="3"/>
        <charset val="128"/>
      </rPr>
      <t xml:space="preserve">
</t>
    </r>
    <r>
      <rPr>
        <sz val="11"/>
        <rFont val="ＭＳ ゴシック"/>
        <family val="3"/>
        <charset val="128"/>
      </rPr>
      <t>「総合評価落札方式」の実施状況は、実施した場合は○印を選択してください。
総合評価落札方式の加算点に採用した評価項目について○印を選択ししてください。</t>
    </r>
    <rPh sb="1" eb="9">
      <t>ソウゴウヒョウカラクサツホウシキ</t>
    </rPh>
    <rPh sb="11" eb="12">
      <t>ラン</t>
    </rPh>
    <rPh sb="18" eb="19">
      <t>ツギ</t>
    </rPh>
    <rPh sb="23" eb="25">
      <t>キニュウ</t>
    </rPh>
    <rPh sb="44" eb="48">
      <t>ジッシジョウキョウ</t>
    </rPh>
    <rPh sb="50" eb="52">
      <t>ジッシ</t>
    </rPh>
    <rPh sb="54" eb="56">
      <t>バアイ</t>
    </rPh>
    <rPh sb="58" eb="59">
      <t>シルシ</t>
    </rPh>
    <rPh sb="70" eb="78">
      <t>ソウゴウヒョウカラクサツホウシキ</t>
    </rPh>
    <rPh sb="79" eb="82">
      <t>カサンテン</t>
    </rPh>
    <rPh sb="83" eb="85">
      <t>サイヨウ</t>
    </rPh>
    <rPh sb="87" eb="91">
      <t>ヒョウカコウモク</t>
    </rPh>
    <rPh sb="96" eb="97">
      <t>シルシ</t>
    </rPh>
    <rPh sb="98" eb="100">
      <t>センタク</t>
    </rPh>
    <phoneticPr fontId="7"/>
  </si>
  <si>
    <r>
      <rPr>
        <u/>
        <sz val="11"/>
        <color indexed="10"/>
        <rFont val="ＭＳ ゴシック"/>
        <family val="3"/>
        <charset val="128"/>
      </rPr>
      <t>「再エネ電気の調達」の欄については、次のとおり記入してください。</t>
    </r>
    <r>
      <rPr>
        <sz val="11"/>
        <color indexed="10"/>
        <rFont val="ＭＳ ゴシック"/>
        <family val="3"/>
        <charset val="128"/>
      </rPr>
      <t xml:space="preserve">
</t>
    </r>
    <r>
      <rPr>
        <sz val="11"/>
        <rFont val="ＭＳ ゴシック"/>
        <family val="3"/>
        <charset val="128"/>
      </rPr>
      <t>「再エネ電気の調達仕様の有無」の欄は再エネ電気であること入札説明書等に要件として明記している場合は○印を選択し、要件とした具体的な再エネ電気の割合（％）を「仕様における再エネ割合」の欄に記入してください。
実際に調達した電気の再エネ比率実績（％）の欄に再エネ比率の実績（％）を記入してください。</t>
    </r>
    <rPh sb="11" eb="12">
      <t>ラン</t>
    </rPh>
    <rPh sb="18" eb="19">
      <t>ツギ</t>
    </rPh>
    <rPh sb="23" eb="25">
      <t>キニュウ</t>
    </rPh>
    <rPh sb="34" eb="35">
      <t>サイ</t>
    </rPh>
    <rPh sb="49" eb="50">
      <t>ラン</t>
    </rPh>
    <rPh sb="51" eb="52">
      <t>サイ</t>
    </rPh>
    <rPh sb="54" eb="56">
      <t>デンキ</t>
    </rPh>
    <rPh sb="61" eb="67">
      <t>ニュウサツセツメイショトウ</t>
    </rPh>
    <rPh sb="73" eb="75">
      <t>メイキ</t>
    </rPh>
    <rPh sb="79" eb="81">
      <t>バアイ</t>
    </rPh>
    <rPh sb="83" eb="84">
      <t>シルシ</t>
    </rPh>
    <rPh sb="85" eb="87">
      <t>センタク</t>
    </rPh>
    <rPh sb="94" eb="97">
      <t>グタイテキ</t>
    </rPh>
    <rPh sb="98" eb="99">
      <t>サイ</t>
    </rPh>
    <rPh sb="101" eb="103">
      <t>デンキ</t>
    </rPh>
    <rPh sb="104" eb="106">
      <t>ワリアイ</t>
    </rPh>
    <rPh sb="111" eb="113">
      <t>シヨウ</t>
    </rPh>
    <rPh sb="117" eb="118">
      <t>サイ</t>
    </rPh>
    <rPh sb="120" eb="122">
      <t>ワリアイ</t>
    </rPh>
    <rPh sb="124" eb="125">
      <t>ラン</t>
    </rPh>
    <rPh sb="126" eb="128">
      <t>キニュウ</t>
    </rPh>
    <rPh sb="157" eb="158">
      <t>ラン</t>
    </rPh>
    <phoneticPr fontId="7"/>
  </si>
  <si>
    <r>
      <t xml:space="preserve">「契約方式」は、以下のフローチャートを参照して該当するものを選択してください。
</t>
    </r>
    <r>
      <rPr>
        <b/>
        <sz val="11"/>
        <color rgb="FFFF0000"/>
        <rFont val="ＭＳ ゴシック"/>
        <family val="3"/>
        <charset val="128"/>
      </rPr>
      <t xml:space="preserve">ただし、裾切り方式を1度でも実施した場合は「B」を選択してください。
</t>
    </r>
    <r>
      <rPr>
        <sz val="11"/>
        <rFont val="ＭＳ ゴシック"/>
        <family val="3"/>
        <charset val="128"/>
      </rPr>
      <t>また、「</t>
    </r>
    <r>
      <rPr>
        <b/>
        <sz val="11"/>
        <rFont val="ＭＳ ゴシック"/>
        <family val="3"/>
        <charset val="128"/>
      </rPr>
      <t>入札公告の回数</t>
    </r>
    <r>
      <rPr>
        <sz val="11"/>
        <rFont val="ＭＳ ゴシック"/>
        <family val="3"/>
        <charset val="128"/>
      </rPr>
      <t>」には不調・不落になった場合など複数回公告を行った回数を記入してください。「1回目」で落札者が決定した場合の入札公告の回数は1回になります。</t>
    </r>
    <r>
      <rPr>
        <b/>
        <sz val="11"/>
        <color rgb="FFFF0000"/>
        <rFont val="ＭＳ ゴシック"/>
        <family val="3"/>
        <charset val="128"/>
      </rPr>
      <t xml:space="preserve">
</t>
    </r>
    <r>
      <rPr>
        <sz val="11"/>
        <rFont val="ＭＳ ゴシック"/>
        <family val="3"/>
        <charset val="128"/>
      </rPr>
      <t>なお、最新の契約が「</t>
    </r>
    <r>
      <rPr>
        <b/>
        <sz val="11"/>
        <rFont val="ＭＳ ゴシック"/>
        <family val="3"/>
        <charset val="128"/>
      </rPr>
      <t>最終保障供給契約</t>
    </r>
    <r>
      <rPr>
        <sz val="11"/>
        <rFont val="ＭＳ ゴシック"/>
        <family val="3"/>
        <charset val="128"/>
      </rPr>
      <t>」の場合は</t>
    </r>
    <r>
      <rPr>
        <u/>
        <sz val="11"/>
        <rFont val="ＭＳ ゴシック"/>
        <family val="3"/>
        <charset val="128"/>
      </rPr>
      <t>最終保障供給契約に移行する前の契約方式</t>
    </r>
    <r>
      <rPr>
        <sz val="11"/>
        <rFont val="ＭＳ ゴシック"/>
        <family val="3"/>
        <charset val="128"/>
      </rPr>
      <t>を選ぶとともに、併せて「</t>
    </r>
    <r>
      <rPr>
        <b/>
        <sz val="11"/>
        <rFont val="ＭＳ ゴシック"/>
        <family val="3"/>
        <charset val="128"/>
      </rPr>
      <t>最終保障供給</t>
    </r>
    <r>
      <rPr>
        <sz val="11"/>
        <rFont val="ＭＳ ゴシック"/>
        <family val="3"/>
        <charset val="128"/>
      </rPr>
      <t>」の欄の「</t>
    </r>
    <r>
      <rPr>
        <b/>
        <sz val="11"/>
        <rFont val="ＭＳ ゴシック"/>
        <family val="3"/>
        <charset val="128"/>
      </rPr>
      <t>○</t>
    </r>
    <r>
      <rPr>
        <sz val="11"/>
        <rFont val="ＭＳ ゴシック"/>
        <family val="3"/>
        <charset val="128"/>
      </rPr>
      <t>」印を選択してください。</t>
    </r>
    <rPh sb="19" eb="21">
      <t>サンショウ</t>
    </rPh>
    <rPh sb="23" eb="25">
      <t>ガイトウ</t>
    </rPh>
    <rPh sb="30" eb="32">
      <t>センタク</t>
    </rPh>
    <rPh sb="44" eb="45">
      <t>スソ</t>
    </rPh>
    <rPh sb="45" eb="46">
      <t>キ</t>
    </rPh>
    <rPh sb="47" eb="49">
      <t>ホウシキ</t>
    </rPh>
    <rPh sb="51" eb="52">
      <t>ド</t>
    </rPh>
    <rPh sb="54" eb="56">
      <t>ジッシ</t>
    </rPh>
    <rPh sb="58" eb="60">
      <t>バアイ</t>
    </rPh>
    <rPh sb="65" eb="67">
      <t>センタク</t>
    </rPh>
    <rPh sb="79" eb="83">
      <t>ニュウサツコウコク</t>
    </rPh>
    <rPh sb="84" eb="86">
      <t>カイスウ</t>
    </rPh>
    <rPh sb="89" eb="91">
      <t>フチョウ</t>
    </rPh>
    <rPh sb="92" eb="94">
      <t>フラク</t>
    </rPh>
    <rPh sb="98" eb="100">
      <t>バアイ</t>
    </rPh>
    <rPh sb="102" eb="105">
      <t>フクスウカイ</t>
    </rPh>
    <rPh sb="105" eb="107">
      <t>コウコク</t>
    </rPh>
    <rPh sb="108" eb="109">
      <t>オコナ</t>
    </rPh>
    <rPh sb="111" eb="113">
      <t>カイスウ</t>
    </rPh>
    <rPh sb="114" eb="116">
      <t>キニュウ</t>
    </rPh>
    <rPh sb="125" eb="127">
      <t>カイメ</t>
    </rPh>
    <rPh sb="129" eb="132">
      <t>ラクサツシャ</t>
    </rPh>
    <rPh sb="133" eb="135">
      <t>ケッテイ</t>
    </rPh>
    <rPh sb="137" eb="139">
      <t>バアイ</t>
    </rPh>
    <rPh sb="140" eb="144">
      <t>ニュウサツコウコク</t>
    </rPh>
    <rPh sb="145" eb="147">
      <t>カイスウ</t>
    </rPh>
    <rPh sb="149" eb="150">
      <t>カイ</t>
    </rPh>
    <rPh sb="171" eb="173">
      <t>キョウキュウ</t>
    </rPh>
    <rPh sb="184" eb="186">
      <t>キョウキュウ</t>
    </rPh>
    <rPh sb="215" eb="217">
      <t>キョウキュウ</t>
    </rPh>
    <phoneticPr fontId="7"/>
  </si>
  <si>
    <r>
      <rPr>
        <b/>
        <sz val="11"/>
        <rFont val="ＭＳ ゴシック"/>
        <family val="2"/>
        <charset val="128"/>
      </rPr>
      <t>いずれかの
等級評価が</t>
    </r>
    <r>
      <rPr>
        <b/>
        <sz val="11"/>
        <rFont val="Verdana"/>
        <family val="2"/>
      </rPr>
      <t xml:space="preserve">
</t>
    </r>
    <r>
      <rPr>
        <b/>
        <sz val="11"/>
        <color rgb="FFFF0000"/>
        <rFont val="Verdana"/>
        <family val="2"/>
      </rPr>
      <t>A+</t>
    </r>
    <r>
      <rPr>
        <b/>
        <sz val="11"/>
        <rFont val="ＭＳ ゴシック"/>
        <family val="2"/>
        <charset val="128"/>
      </rPr>
      <t>又は</t>
    </r>
    <r>
      <rPr>
        <b/>
        <sz val="11"/>
        <color rgb="FFFF0000"/>
        <rFont val="Verdana"/>
        <family val="2"/>
      </rPr>
      <t>A</t>
    </r>
    <r>
      <rPr>
        <b/>
        <sz val="11"/>
        <rFont val="ＭＳ ゴシック"/>
        <family val="2"/>
        <charset val="128"/>
      </rPr>
      <t>の
場合は取組等を記載</t>
    </r>
    <rPh sb="6" eb="10">
      <t>トウキュウヒョウカ</t>
    </rPh>
    <rPh sb="14" eb="15">
      <t>マタ</t>
    </rPh>
    <rPh sb="19" eb="21">
      <t>バアイ</t>
    </rPh>
    <rPh sb="22" eb="24">
      <t>トリクミ</t>
    </rPh>
    <rPh sb="24" eb="25">
      <t>トウ</t>
    </rPh>
    <rPh sb="26" eb="28">
      <t>キサイ</t>
    </rPh>
    <phoneticPr fontId="119"/>
  </si>
  <si>
    <t>←評価結果が「A+」又は「A」の場合はその理由や実施した取組など他者の
   参考となる情報を教えてください
   優れた取組等を広く情報提供していきます</t>
    <rPh sb="1" eb="3">
      <t>ヒョウカ</t>
    </rPh>
    <rPh sb="3" eb="5">
      <t>ケッカ</t>
    </rPh>
    <rPh sb="10" eb="11">
      <t>マタ</t>
    </rPh>
    <rPh sb="16" eb="18">
      <t>バアイ</t>
    </rPh>
    <rPh sb="21" eb="23">
      <t>リユウ</t>
    </rPh>
    <rPh sb="24" eb="26">
      <t>ジッシ</t>
    </rPh>
    <rPh sb="28" eb="30">
      <t>トリクミ</t>
    </rPh>
    <rPh sb="32" eb="33">
      <t>タ</t>
    </rPh>
    <rPh sb="33" eb="34">
      <t>シャ</t>
    </rPh>
    <rPh sb="39" eb="41">
      <t>サンコウ</t>
    </rPh>
    <rPh sb="44" eb="46">
      <t>ジョウホウ</t>
    </rPh>
    <rPh sb="47" eb="48">
      <t>オシ</t>
    </rPh>
    <rPh sb="58" eb="59">
      <t>スグ</t>
    </rPh>
    <rPh sb="61" eb="64">
      <t>トリクミトウ</t>
    </rPh>
    <rPh sb="65" eb="66">
      <t>ヒロ</t>
    </rPh>
    <rPh sb="67" eb="71">
      <t>ジョウホウテイキョウ</t>
    </rPh>
    <phoneticPr fontId="7"/>
  </si>
  <si>
    <r>
      <t xml:space="preserve">【4ー2B】については、記載例をつけているので、そちらも参考にしてください。
「等級評価」は、用途が「一般事務庁舎」「合同庁舎」「病院」の場合に評価します。また、評価結果は「A+」から「E-」までの10段階評価で「C（C+・C-）」が中央値となります。
</t>
    </r>
    <r>
      <rPr>
        <u/>
        <sz val="11"/>
        <color rgb="FFFF0000"/>
        <rFont val="ＭＳ ゴシック"/>
        <family val="3"/>
        <charset val="128"/>
      </rPr>
      <t>評価結果は用途・地域・面積が同等の建築物と比較した場合の目安</t>
    </r>
    <r>
      <rPr>
        <sz val="11"/>
        <rFont val="ＭＳ ゴシック"/>
        <family val="3"/>
        <charset val="128"/>
      </rPr>
      <t xml:space="preserve">です。
</t>
    </r>
    <r>
      <rPr>
        <u/>
        <sz val="11"/>
        <color rgb="FFFF0000"/>
        <rFont val="ＭＳ ゴシック"/>
        <family val="3"/>
        <charset val="128"/>
      </rPr>
      <t>「等級評価」が「A+」又は「A」の場合は、その理由や実施した（実施中の）取組を教えてください。優れた取組などは優良事例として広く普及を図りたいと考えています。
「等級評価」が「E」又は「E-」の場合は、その理由を確認の上、報告してください。</t>
    </r>
    <rPh sb="12" eb="15">
      <t>キサイレイ</t>
    </rPh>
    <rPh sb="28" eb="30">
      <t>サンコウ</t>
    </rPh>
    <rPh sb="40" eb="44">
      <t>トウキュウヒョウカ</t>
    </rPh>
    <rPh sb="127" eb="131">
      <t>ヒョウカケッカ</t>
    </rPh>
    <rPh sb="132" eb="134">
      <t>ヨウト</t>
    </rPh>
    <rPh sb="135" eb="137">
      <t>チイキ</t>
    </rPh>
    <rPh sb="148" eb="150">
      <t>ヒカク</t>
    </rPh>
    <rPh sb="152" eb="154">
      <t>バアイ</t>
    </rPh>
    <rPh sb="155" eb="157">
      <t>メヤス</t>
    </rPh>
    <rPh sb="200" eb="201">
      <t>オシ</t>
    </rPh>
    <rPh sb="208" eb="209">
      <t>スグ</t>
    </rPh>
    <rPh sb="211" eb="213">
      <t>トリクミ</t>
    </rPh>
    <rPh sb="216" eb="220">
      <t>ユウリョウジレイ</t>
    </rPh>
    <rPh sb="223" eb="224">
      <t>ヒロ</t>
    </rPh>
    <rPh sb="225" eb="227">
      <t>フキュウ</t>
    </rPh>
    <rPh sb="228" eb="229">
      <t>ハカ</t>
    </rPh>
    <rPh sb="233" eb="234">
      <t>カンガ</t>
    </rPh>
    <phoneticPr fontId="7"/>
  </si>
  <si>
    <r>
      <t>「特定管理産業廃棄物以外の種類別の内訳【予定を含む】（</t>
    </r>
    <r>
      <rPr>
        <b/>
        <u/>
        <sz val="11"/>
        <color rgb="FFFF0000"/>
        <rFont val="ＭＳ ゴシック"/>
        <family val="3"/>
        <charset val="128"/>
      </rPr>
      <t>単位はトン</t>
    </r>
    <r>
      <rPr>
        <sz val="11"/>
        <rFont val="ＭＳ ゴシック"/>
        <family val="3"/>
        <charset val="128"/>
      </rPr>
      <t>）」は、</t>
    </r>
    <r>
      <rPr>
        <sz val="11"/>
        <color rgb="FFFF0000"/>
        <rFont val="ＭＳ ゴシック"/>
        <family val="3"/>
        <charset val="128"/>
      </rPr>
      <t>特別管理産業廃棄物以外の産業廃棄物の種類別の数量（内訳）を記入</t>
    </r>
    <r>
      <rPr>
        <sz val="11"/>
        <rFont val="ＭＳ ゴシック"/>
        <family val="3"/>
        <charset val="128"/>
      </rPr>
      <t>してください。「汚泥」から「がれき類」の６種類以外の数量は、合算して「その他の廃棄物」に記入してください（完了した業務は実績数量を、完了していない業務については仕様書等に記載された予定数量を記入）。また、数量が体積の産業廃棄物については「（参考）産廃換算係数」の換算係数を用いて重量に換算し、記入してください。
なお、契約の中に一般廃棄物処理業務も含む場合、廃棄物数量には産業廃棄物の数量のみを記入してください。</t>
    </r>
    <rPh sb="1" eb="5">
      <t>トクテイカンリ</t>
    </rPh>
    <rPh sb="5" eb="7">
      <t>サンギョウ</t>
    </rPh>
    <rPh sb="10" eb="12">
      <t>イガイ</t>
    </rPh>
    <rPh sb="13" eb="16">
      <t>シュルイベツ</t>
    </rPh>
    <rPh sb="17" eb="19">
      <t>ウチワケ</t>
    </rPh>
    <rPh sb="20" eb="22">
      <t>ヨテイ</t>
    </rPh>
    <rPh sb="23" eb="24">
      <t>フク</t>
    </rPh>
    <rPh sb="27" eb="29">
      <t>タンイ</t>
    </rPh>
    <rPh sb="36" eb="40">
      <t>トクベツカンリ</t>
    </rPh>
    <rPh sb="40" eb="45">
      <t>サンギョウハイキブツ</t>
    </rPh>
    <rPh sb="45" eb="47">
      <t>イガイ</t>
    </rPh>
    <rPh sb="61" eb="63">
      <t>ウチワケ</t>
    </rPh>
    <rPh sb="84" eb="85">
      <t>ルイ</t>
    </rPh>
    <rPh sb="93" eb="95">
      <t>スウリョウ</t>
    </rPh>
    <rPh sb="97" eb="99">
      <t>ガッサン</t>
    </rPh>
    <rPh sb="104" eb="105">
      <t>タ</t>
    </rPh>
    <rPh sb="106" eb="109">
      <t>ハイキブツ</t>
    </rPh>
    <rPh sb="111" eb="113">
      <t>キニュウ</t>
    </rPh>
    <rPh sb="120" eb="122">
      <t>カンリョウ</t>
    </rPh>
    <rPh sb="124" eb="126">
      <t>ギョウム</t>
    </rPh>
    <rPh sb="127" eb="129">
      <t>ジッセキ</t>
    </rPh>
    <rPh sb="129" eb="131">
      <t>スウリョウ</t>
    </rPh>
    <rPh sb="133" eb="135">
      <t>カンリョウ</t>
    </rPh>
    <rPh sb="140" eb="142">
      <t>ギョウム</t>
    </rPh>
    <rPh sb="147" eb="150">
      <t>シヨウショ</t>
    </rPh>
    <rPh sb="150" eb="151">
      <t>トウ</t>
    </rPh>
    <rPh sb="152" eb="154">
      <t>キサイ</t>
    </rPh>
    <rPh sb="157" eb="159">
      <t>ヨテイ</t>
    </rPh>
    <rPh sb="159" eb="161">
      <t>スウリョウ</t>
    </rPh>
    <rPh sb="162" eb="164">
      <t>キニュウ</t>
    </rPh>
    <rPh sb="169" eb="171">
      <t>スウリョウ</t>
    </rPh>
    <rPh sb="172" eb="174">
      <t>タイセキ</t>
    </rPh>
    <rPh sb="175" eb="177">
      <t>サンギョウ</t>
    </rPh>
    <rPh sb="177" eb="180">
      <t>ハイキブツ</t>
    </rPh>
    <rPh sb="187" eb="189">
      <t>サンコウ</t>
    </rPh>
    <rPh sb="198" eb="200">
      <t>カンサン</t>
    </rPh>
    <rPh sb="200" eb="202">
      <t>ケイスウ</t>
    </rPh>
    <rPh sb="203" eb="204">
      <t>モチ</t>
    </rPh>
    <rPh sb="206" eb="208">
      <t>ジュウリョウ</t>
    </rPh>
    <rPh sb="209" eb="211">
      <t>カンサン</t>
    </rPh>
    <rPh sb="213" eb="215">
      <t>キニュウ</t>
    </rPh>
    <rPh sb="226" eb="228">
      <t>ケイヤク</t>
    </rPh>
    <rPh sb="229" eb="230">
      <t>ナカ</t>
    </rPh>
    <rPh sb="238" eb="240">
      <t>ギョウム</t>
    </rPh>
    <rPh sb="264" eb="266">
      <t>キニュウ</t>
    </rPh>
    <phoneticPr fontId="7"/>
  </si>
  <si>
    <r>
      <t>特別管理産業廃棄物以外の種類別の内訳【予定を含む】</t>
    </r>
    <r>
      <rPr>
        <b/>
        <u/>
        <sz val="9"/>
        <color rgb="FFFF0000"/>
        <rFont val="ＭＳ Ｐゴシック"/>
        <family val="3"/>
        <charset val="128"/>
      </rPr>
      <t>（単位はトン）</t>
    </r>
    <rPh sb="0" eb="4">
      <t>トクベツカンリ</t>
    </rPh>
    <rPh sb="4" eb="9">
      <t>サンギョウハイキブツ</t>
    </rPh>
    <rPh sb="9" eb="11">
      <t>イガイ</t>
    </rPh>
    <rPh sb="12" eb="15">
      <t>シュルイベツ</t>
    </rPh>
    <rPh sb="16" eb="18">
      <t>ウチワケ</t>
    </rPh>
    <rPh sb="19" eb="21">
      <t>ヨテイ</t>
    </rPh>
    <rPh sb="22" eb="23">
      <t>フク</t>
    </rPh>
    <rPh sb="26" eb="28">
      <t>タンイ</t>
    </rPh>
    <phoneticPr fontId="7"/>
  </si>
  <si>
    <t>太陽光発電の導入 ⇒</t>
    <rPh sb="0" eb="5">
      <t>タイヨウコウハツデン</t>
    </rPh>
    <rPh sb="6" eb="8">
      <t>ドウニュウ</t>
    </rPh>
    <phoneticPr fontId="7"/>
  </si>
  <si>
    <t>設備概要</t>
    <rPh sb="0" eb="4">
      <t>セツビガイヨウ</t>
    </rPh>
    <phoneticPr fontId="7"/>
  </si>
  <si>
    <t>設備容量</t>
    <rPh sb="0" eb="4">
      <t>セツビヨウリョウ</t>
    </rPh>
    <phoneticPr fontId="7"/>
  </si>
  <si>
    <t>設置場所</t>
    <rPh sb="0" eb="4">
      <t>セッチバショ</t>
    </rPh>
    <phoneticPr fontId="7"/>
  </si>
  <si>
    <t>発電量</t>
    <rPh sb="0" eb="3">
      <t>ハツデンリョウ</t>
    </rPh>
    <phoneticPr fontId="7"/>
  </si>
  <si>
    <t>運転開始年月</t>
    <rPh sb="0" eb="4">
      <t>ウンテンカイシ</t>
    </rPh>
    <rPh sb="4" eb="6">
      <t>ネンゲツ</t>
    </rPh>
    <phoneticPr fontId="7"/>
  </si>
  <si>
    <t>年間発電電力量</t>
    <rPh sb="0" eb="2">
      <t>ネンカン</t>
    </rPh>
    <rPh sb="2" eb="4">
      <t>ハツデン</t>
    </rPh>
    <rPh sb="4" eb="6">
      <t>デンリョク</t>
    </rPh>
    <rPh sb="6" eb="7">
      <t>リョウ</t>
    </rPh>
    <phoneticPr fontId="7"/>
  </si>
  <si>
    <t>うち自家使用分</t>
    <rPh sb="2" eb="6">
      <t>ジカシヨウ</t>
    </rPh>
    <rPh sb="6" eb="7">
      <t>ブン</t>
    </rPh>
    <phoneticPr fontId="7"/>
  </si>
  <si>
    <r>
      <t xml:space="preserve">太陽光発電を
</t>
    </r>
    <r>
      <rPr>
        <sz val="11"/>
        <color rgb="FFFF0000"/>
        <rFont val="ＭＳ Ｐゴシック"/>
        <family val="3"/>
        <charset val="128"/>
      </rPr>
      <t>導入済</t>
    </r>
    <r>
      <rPr>
        <sz val="11"/>
        <rFont val="ＭＳ Ｐゴシック"/>
        <family val="3"/>
        <charset val="128"/>
      </rPr>
      <t>の場合</t>
    </r>
    <rPh sb="0" eb="5">
      <t>タイヨウコウハツデン</t>
    </rPh>
    <rPh sb="7" eb="10">
      <t>ドウニュウズ</t>
    </rPh>
    <rPh sb="11" eb="13">
      <t>バアイ</t>
    </rPh>
    <phoneticPr fontId="7"/>
  </si>
  <si>
    <t>導入済</t>
  </si>
  <si>
    <t>屋根</t>
  </si>
  <si>
    <t>←西暦で記入してください</t>
    <rPh sb="1" eb="3">
      <t>セイレキ</t>
    </rPh>
    <rPh sb="4" eb="6">
      <t>キニュウ</t>
    </rPh>
    <phoneticPr fontId="7"/>
  </si>
  <si>
    <t>←年間の発電電力量を記入してください</t>
    <rPh sb="1" eb="3">
      <t>ネンカン</t>
    </rPh>
    <rPh sb="4" eb="6">
      <t>ハツデン</t>
    </rPh>
    <rPh sb="6" eb="8">
      <t>デンリョク</t>
    </rPh>
    <rPh sb="8" eb="9">
      <t>リョウ</t>
    </rPh>
    <rPh sb="10" eb="12">
      <t>キニュウ</t>
    </rPh>
    <phoneticPr fontId="7"/>
  </si>
  <si>
    <t>←上記のうち、自家使用した量を記入してください</t>
    <rPh sb="1" eb="3">
      <t>ジョウキ</t>
    </rPh>
    <rPh sb="7" eb="11">
      <t>ジカシヨウ</t>
    </rPh>
    <rPh sb="13" eb="14">
      <t>リョウ</t>
    </rPh>
    <rPh sb="15" eb="17">
      <t>キニュウ</t>
    </rPh>
    <phoneticPr fontId="7"/>
  </si>
  <si>
    <t xml:space="preserve"> ←西暦で記入してください</t>
    <rPh sb="2" eb="4">
      <t>セイレキ</t>
    </rPh>
    <rPh sb="5" eb="7">
      <t>キニュウ</t>
    </rPh>
    <phoneticPr fontId="7"/>
  </si>
  <si>
    <t xml:space="preserve"> ←年間の発電電力量を記入してください</t>
    <rPh sb="2" eb="4">
      <t>ネンカン</t>
    </rPh>
    <rPh sb="5" eb="7">
      <t>ハツデン</t>
    </rPh>
    <rPh sb="7" eb="9">
      <t>デンリョク</t>
    </rPh>
    <rPh sb="9" eb="10">
      <t>リョウ</t>
    </rPh>
    <rPh sb="11" eb="13">
      <t>キニュウ</t>
    </rPh>
    <phoneticPr fontId="7"/>
  </si>
  <si>
    <t xml:space="preserve"> ←上記のうち、自家使用した量を記入してください</t>
    <rPh sb="2" eb="4">
      <t>ジョウキ</t>
    </rPh>
    <rPh sb="8" eb="12">
      <t>ジカシヨウ</t>
    </rPh>
    <rPh sb="14" eb="15">
      <t>リョウ</t>
    </rPh>
    <rPh sb="16" eb="18">
      <t>キニュウ</t>
    </rPh>
    <phoneticPr fontId="7"/>
  </si>
  <si>
    <t>水素自動車</t>
    <rPh sb="0" eb="5">
      <t>スイソジドウシャ</t>
    </rPh>
    <phoneticPr fontId="7"/>
  </si>
  <si>
    <t>　　←太陽光発電を導入している場合記入してください</t>
    <rPh sb="3" eb="8">
      <t>タイヨウコウハツデン</t>
    </rPh>
    <rPh sb="9" eb="11">
      <t>ドウニュウ</t>
    </rPh>
    <rPh sb="15" eb="17">
      <t>バアイ</t>
    </rPh>
    <rPh sb="17" eb="19">
      <t>キニュウ</t>
    </rPh>
    <phoneticPr fontId="7"/>
  </si>
  <si>
    <r>
      <t>「施設名・件名等」には、最低限、省庁名・法人名とセットであれば、どの施設であるかがわかるよう記載してください。また、１つの施設で対象が異なる契約が複数ある場合は、区別できるよう記載してください。
「政府実行計画における機関コード」は政府実行計画の実施状況調査(令和７年度調査）において設定されている</t>
    </r>
    <r>
      <rPr>
        <u/>
        <sz val="11"/>
        <color rgb="FFFF0000"/>
        <rFont val="ＭＳ ゴシック"/>
        <family val="3"/>
        <charset val="128"/>
      </rPr>
      <t>機関コードを国の機関のみ記入してください（独立行政法人等は空欄）</t>
    </r>
    <r>
      <rPr>
        <sz val="11"/>
        <rFont val="ＭＳ ゴシック"/>
        <family val="3"/>
        <charset val="128"/>
      </rPr>
      <t>。複数施設を一括して共同調達するなどによりコードが複数該当する場合は、全ての機関コードを記載してください。</t>
    </r>
    <rPh sb="12" eb="15">
      <t>サイテイゲン</t>
    </rPh>
    <rPh sb="16" eb="19">
      <t>ショウチョウメイ</t>
    </rPh>
    <rPh sb="20" eb="22">
      <t>ホウジン</t>
    </rPh>
    <rPh sb="22" eb="23">
      <t>メイ</t>
    </rPh>
    <rPh sb="34" eb="36">
      <t>シセツ</t>
    </rPh>
    <rPh sb="46" eb="48">
      <t>キサイ</t>
    </rPh>
    <rPh sb="61" eb="63">
      <t>シセツ</t>
    </rPh>
    <rPh sb="64" eb="66">
      <t>タイショウ</t>
    </rPh>
    <rPh sb="67" eb="68">
      <t>コト</t>
    </rPh>
    <rPh sb="70" eb="72">
      <t>ケイヤク</t>
    </rPh>
    <rPh sb="73" eb="75">
      <t>フクスウ</t>
    </rPh>
    <rPh sb="77" eb="79">
      <t>バアイ</t>
    </rPh>
    <rPh sb="81" eb="83">
      <t>クベツ</t>
    </rPh>
    <rPh sb="88" eb="90">
      <t>キサイ</t>
    </rPh>
    <rPh sb="116" eb="122">
      <t>セイフジッコウケイカク</t>
    </rPh>
    <rPh sb="123" eb="129">
      <t>ジッシジョウキョウチョウサ</t>
    </rPh>
    <rPh sb="130" eb="132">
      <t>レイワ</t>
    </rPh>
    <rPh sb="133" eb="135">
      <t>ネンド</t>
    </rPh>
    <rPh sb="135" eb="137">
      <t>チョウサ</t>
    </rPh>
    <rPh sb="142" eb="144">
      <t>セッテイ</t>
    </rPh>
    <rPh sb="149" eb="151">
      <t>キカン</t>
    </rPh>
    <rPh sb="155" eb="156">
      <t>クニ</t>
    </rPh>
    <rPh sb="157" eb="159">
      <t>キカン</t>
    </rPh>
    <rPh sb="161" eb="163">
      <t>キニュウ</t>
    </rPh>
    <rPh sb="170" eb="176">
      <t>ドクリツギョウセイホウジン</t>
    </rPh>
    <rPh sb="176" eb="177">
      <t>トウ</t>
    </rPh>
    <rPh sb="178" eb="180">
      <t>クウラン</t>
    </rPh>
    <rPh sb="182" eb="184">
      <t>フクスウ</t>
    </rPh>
    <rPh sb="184" eb="186">
      <t>シセツ</t>
    </rPh>
    <rPh sb="187" eb="189">
      <t>イッカツ</t>
    </rPh>
    <phoneticPr fontId="7"/>
  </si>
  <si>
    <t>クリーン
ディーゼル</t>
    <phoneticPr fontId="7"/>
  </si>
  <si>
    <r>
      <t xml:space="preserve">調査対象期間中に締結した建築物の維持管理業務の契約（直接的に温室効果ガス排出削減が期待される業務）について、契約対象となる施設情報及び契約情報を記入してください。
</t>
    </r>
    <r>
      <rPr>
        <u/>
        <sz val="11"/>
        <color rgb="FFFF0000"/>
        <rFont val="ＭＳ ゴシック"/>
        <family val="3"/>
        <charset val="128"/>
      </rPr>
      <t>なお、エレベーターの法定点検、受変電設備の保安点検、設備機器等の修理・修繕など</t>
    </r>
    <r>
      <rPr>
        <b/>
        <u/>
        <sz val="11"/>
        <color rgb="FFFF0000"/>
        <rFont val="ＭＳ ゴシック"/>
        <family val="3"/>
        <charset val="128"/>
      </rPr>
      <t>環境配慮の余地がない業務は対象外</t>
    </r>
    <r>
      <rPr>
        <u/>
        <sz val="11"/>
        <color rgb="FFFF0000"/>
        <rFont val="ＭＳ ゴシック"/>
        <family val="3"/>
        <charset val="128"/>
      </rPr>
      <t xml:space="preserve">です。
</t>
    </r>
    <r>
      <rPr>
        <sz val="11"/>
        <rFont val="ＭＳ ゴシック"/>
        <family val="3"/>
        <charset val="128"/>
      </rPr>
      <t>また、複数年契約については、</t>
    </r>
    <r>
      <rPr>
        <u/>
        <sz val="11"/>
        <color rgb="FFFF0000"/>
        <rFont val="ＭＳ ゴシック"/>
        <family val="3"/>
        <charset val="128"/>
      </rPr>
      <t>令和７年度が契約初年度の契約</t>
    </r>
    <r>
      <rPr>
        <sz val="11"/>
        <rFont val="ＭＳ ゴシック"/>
        <family val="3"/>
        <charset val="128"/>
      </rPr>
      <t>が調査対象になります。
【4-2B】も同様です。</t>
    </r>
    <rPh sb="0" eb="2">
      <t>チョウサ</t>
    </rPh>
    <rPh sb="2" eb="4">
      <t>タイショウ</t>
    </rPh>
    <rPh sb="4" eb="6">
      <t>キカン</t>
    </rPh>
    <rPh sb="12" eb="14">
      <t>ケンチク</t>
    </rPh>
    <rPh sb="14" eb="15">
      <t>ブツ</t>
    </rPh>
    <rPh sb="16" eb="18">
      <t>イジ</t>
    </rPh>
    <rPh sb="18" eb="20">
      <t>カンリ</t>
    </rPh>
    <rPh sb="20" eb="22">
      <t>ギョウム</t>
    </rPh>
    <rPh sb="23" eb="25">
      <t>ケイヤク</t>
    </rPh>
    <rPh sb="26" eb="29">
      <t>チョクセツテキ</t>
    </rPh>
    <rPh sb="30" eb="32">
      <t>オンシツ</t>
    </rPh>
    <rPh sb="32" eb="34">
      <t>コウカ</t>
    </rPh>
    <rPh sb="36" eb="38">
      <t>ハイシュツ</t>
    </rPh>
    <rPh sb="38" eb="40">
      <t>サクゲン</t>
    </rPh>
    <rPh sb="41" eb="43">
      <t>キタイ</t>
    </rPh>
    <rPh sb="46" eb="48">
      <t>ギョウム</t>
    </rPh>
    <rPh sb="54" eb="56">
      <t>ケイヤク</t>
    </rPh>
    <rPh sb="56" eb="58">
      <t>タイショウ</t>
    </rPh>
    <rPh sb="61" eb="63">
      <t>シセツ</t>
    </rPh>
    <rPh sb="63" eb="65">
      <t>ジョウホウ</t>
    </rPh>
    <rPh sb="65" eb="66">
      <t>オヨ</t>
    </rPh>
    <rPh sb="67" eb="69">
      <t>ケイヤク</t>
    </rPh>
    <rPh sb="69" eb="71">
      <t>ジョウホウ</t>
    </rPh>
    <rPh sb="72" eb="74">
      <t>キニュウ</t>
    </rPh>
    <rPh sb="92" eb="96">
      <t>ホウテイテンケン</t>
    </rPh>
    <rPh sb="97" eb="102">
      <t>ジュヘンデンセツビ</t>
    </rPh>
    <rPh sb="103" eb="107">
      <t>ホアンテンケン</t>
    </rPh>
    <rPh sb="108" eb="113">
      <t>セツビキキトウ</t>
    </rPh>
    <rPh sb="114" eb="116">
      <t>シュウリ</t>
    </rPh>
    <rPh sb="117" eb="119">
      <t>シュウゼン</t>
    </rPh>
    <rPh sb="121" eb="125">
      <t>カンキョウハイリョ</t>
    </rPh>
    <rPh sb="126" eb="128">
      <t>ヨチ</t>
    </rPh>
    <rPh sb="131" eb="133">
      <t>ギョウム</t>
    </rPh>
    <rPh sb="134" eb="137">
      <t>タイショウガイ</t>
    </rPh>
    <rPh sb="188" eb="190">
      <t>ドウヨウ</t>
    </rPh>
    <phoneticPr fontId="7"/>
  </si>
  <si>
    <r>
      <rPr>
        <sz val="11"/>
        <color rgb="FFFF0000"/>
        <rFont val="ＭＳ Ｐゴシック"/>
        <family val="3"/>
        <charset val="128"/>
      </rPr>
      <t>エレベーターの法定点検、受変電設備の保安点検、設備機器等の修理・修繕など</t>
    </r>
    <r>
      <rPr>
        <b/>
        <u/>
        <sz val="11"/>
        <color rgb="FFFF0000"/>
        <rFont val="ＭＳ Ｐゴシック"/>
        <family val="3"/>
        <charset val="128"/>
      </rPr>
      <t>環境配慮の余地がない業務は対象外</t>
    </r>
    <r>
      <rPr>
        <sz val="11"/>
        <color rgb="FFFF0000"/>
        <rFont val="ＭＳ Ｐゴシック"/>
        <family val="3"/>
        <charset val="128"/>
      </rPr>
      <t>です。</t>
    </r>
    <r>
      <rPr>
        <b/>
        <u/>
        <sz val="11"/>
        <color rgb="FFFF0000"/>
        <rFont val="ＭＳ Ｐゴシック"/>
        <family val="3"/>
        <charset val="128"/>
      </rPr>
      <t>【</t>
    </r>
    <r>
      <rPr>
        <b/>
        <u/>
        <sz val="11"/>
        <color rgb="FFFF0000"/>
        <rFont val="Arial"/>
        <family val="2"/>
      </rPr>
      <t>4-2B</t>
    </r>
    <r>
      <rPr>
        <b/>
        <u/>
        <sz val="11"/>
        <color rgb="FFFF0000"/>
        <rFont val="ＭＳ Ｐゴシック"/>
        <family val="3"/>
        <charset val="128"/>
      </rPr>
      <t>】も同様</t>
    </r>
    <r>
      <rPr>
        <sz val="11"/>
        <color rgb="FFFF0000"/>
        <rFont val="ＭＳ Ｐゴシック"/>
        <family val="3"/>
        <charset val="128"/>
      </rPr>
      <t>です。</t>
    </r>
    <rPh sb="62" eb="64">
      <t>ドウヨウ</t>
    </rPh>
    <phoneticPr fontId="7"/>
  </si>
  <si>
    <t>イ）</t>
    <phoneticPr fontId="7"/>
  </si>
  <si>
    <t>上記、オ）に該当する維持管理業務がある場合、その事情</t>
    <rPh sb="0" eb="2">
      <t>ジョウキ</t>
    </rPh>
    <rPh sb="6" eb="8">
      <t>ガイトウ</t>
    </rPh>
    <rPh sb="10" eb="12">
      <t>イジ</t>
    </rPh>
    <rPh sb="12" eb="14">
      <t>カンリ</t>
    </rPh>
    <rPh sb="14" eb="16">
      <t>ギョウム</t>
    </rPh>
    <rPh sb="19" eb="21">
      <t>バアイ</t>
    </rPh>
    <rPh sb="24" eb="26">
      <t>ジジョウ</t>
    </rPh>
    <phoneticPr fontId="7"/>
  </si>
  <si>
    <t>チェックリスト活用</t>
    <rPh sb="7" eb="9">
      <t>カツヨウ</t>
    </rPh>
    <phoneticPr fontId="7"/>
  </si>
  <si>
    <t>活用している</t>
  </si>
  <si>
    <t>※令和７年度に締結した契約件数が調査対象</t>
    <rPh sb="7" eb="9">
      <t>テイケツ</t>
    </rPh>
    <rPh sb="11" eb="13">
      <t>ケイヤク</t>
    </rPh>
    <rPh sb="13" eb="14">
      <t>ケン</t>
    </rPh>
    <rPh sb="14" eb="15">
      <t>スウ</t>
    </rPh>
    <rPh sb="16" eb="18">
      <t>チョウサ</t>
    </rPh>
    <rPh sb="18" eb="20">
      <t>タイショウ</t>
    </rPh>
    <phoneticPr fontId="7"/>
  </si>
  <si>
    <t>　　複数年契約の場合は令和７年度が契約初年度の契約が調査対象</t>
    <rPh sb="17" eb="19">
      <t>ケイヤク</t>
    </rPh>
    <rPh sb="23" eb="25">
      <t>ケイヤク</t>
    </rPh>
    <rPh sb="26" eb="28">
      <t>チョウサ</t>
    </rPh>
    <rPh sb="28" eb="30">
      <t>タイショウ</t>
    </rPh>
    <phoneticPr fontId="7"/>
  </si>
  <si>
    <r>
      <rPr>
        <sz val="8"/>
        <color indexed="30"/>
        <rFont val="ＭＳ Ｐゴシック"/>
        <family val="3"/>
        <charset val="128"/>
      </rPr>
      <t>A:環境配慮契約実施</t>
    </r>
    <r>
      <rPr>
        <sz val="8"/>
        <rFont val="ＭＳ Ｐゴシック"/>
        <family val="3"/>
        <charset val="128"/>
      </rPr>
      <t xml:space="preserve">（裾切り方式）
※不調・不落を含む
</t>
    </r>
    <r>
      <rPr>
        <sz val="8"/>
        <color indexed="30"/>
        <rFont val="ＭＳ Ｐゴシック"/>
        <family val="3"/>
        <charset val="128"/>
      </rPr>
      <t>B:競争入札</t>
    </r>
    <r>
      <rPr>
        <sz val="8"/>
        <rFont val="ＭＳ Ｐゴシック"/>
        <family val="3"/>
        <charset val="128"/>
      </rPr>
      <t xml:space="preserve">（裾切り方式は未実施）
</t>
    </r>
    <r>
      <rPr>
        <sz val="8"/>
        <color indexed="30"/>
        <rFont val="ＭＳ Ｐゴシック"/>
        <family val="3"/>
        <charset val="128"/>
      </rPr>
      <t>C:特命以外の随意契約
D：特命随意契約</t>
    </r>
    <rPh sb="2" eb="4">
      <t>カンキョウ</t>
    </rPh>
    <rPh sb="4" eb="6">
      <t>ハイリョ</t>
    </rPh>
    <rPh sb="6" eb="8">
      <t>ケイヤク</t>
    </rPh>
    <rPh sb="8" eb="10">
      <t>ジッシ</t>
    </rPh>
    <rPh sb="11" eb="12">
      <t>スソ</t>
    </rPh>
    <rPh sb="12" eb="13">
      <t>キ</t>
    </rPh>
    <rPh sb="14" eb="16">
      <t>ホウシキ</t>
    </rPh>
    <rPh sb="19" eb="21">
      <t>フチョウ</t>
    </rPh>
    <rPh sb="22" eb="23">
      <t>フ</t>
    </rPh>
    <rPh sb="23" eb="24">
      <t>オ</t>
    </rPh>
    <rPh sb="25" eb="26">
      <t>フク</t>
    </rPh>
    <rPh sb="30" eb="32">
      <t>キョウソウ</t>
    </rPh>
    <rPh sb="32" eb="34">
      <t>ニュウサツ</t>
    </rPh>
    <rPh sb="35" eb="36">
      <t>スソ</t>
    </rPh>
    <rPh sb="36" eb="37">
      <t>キ</t>
    </rPh>
    <rPh sb="38" eb="40">
      <t>ホウシキ</t>
    </rPh>
    <rPh sb="41" eb="44">
      <t>ミジッシ</t>
    </rPh>
    <rPh sb="48" eb="50">
      <t>トクメイ</t>
    </rPh>
    <rPh sb="50" eb="52">
      <t>イガイ</t>
    </rPh>
    <rPh sb="53" eb="55">
      <t>ズイイ</t>
    </rPh>
    <rPh sb="55" eb="57">
      <t>ケイヤク</t>
    </rPh>
    <rPh sb="60" eb="62">
      <t>トクメイ</t>
    </rPh>
    <rPh sb="62" eb="66">
      <t>ズイイケイヤク</t>
    </rPh>
    <phoneticPr fontId="7"/>
  </si>
  <si>
    <t>※令和７年度中に契約を締結した産業廃棄物処理契約が対象になります。
　なお、複数年契約の場合は令和７年度が契約初年度の契約が調査対象になります。
　ただし、以下の契約は対象外です。
　・少額随意契約
　・一般廃棄物処理業務等との一括発注であり、産業廃棄物処理業務が主ではない契約</t>
    <rPh sb="6" eb="7">
      <t>チュウ</t>
    </rPh>
    <rPh sb="78" eb="80">
      <t>イカ</t>
    </rPh>
    <rPh sb="81" eb="83">
      <t>ケイヤク</t>
    </rPh>
    <rPh sb="84" eb="87">
      <t>タイショウガイ</t>
    </rPh>
    <rPh sb="93" eb="95">
      <t>ショウガク</t>
    </rPh>
    <phoneticPr fontId="7"/>
  </si>
  <si>
    <t>建築物の改修に係る契約　令和７年度実績調査④（その他の省エネ改修事業概要）</t>
    <rPh sb="0" eb="3">
      <t>ケンチクブツ</t>
    </rPh>
    <rPh sb="4" eb="6">
      <t>カイシュウ</t>
    </rPh>
    <rPh sb="7" eb="8">
      <t>カカ</t>
    </rPh>
    <rPh sb="9" eb="11">
      <t>ケイヤク</t>
    </rPh>
    <rPh sb="17" eb="19">
      <t>ジッセキ</t>
    </rPh>
    <rPh sb="19" eb="21">
      <t>チョウサ</t>
    </rPh>
    <rPh sb="27" eb="28">
      <t>ショウ</t>
    </rPh>
    <rPh sb="30" eb="32">
      <t>カイシュウ</t>
    </rPh>
    <rPh sb="32" eb="34">
      <t>ジギョウ</t>
    </rPh>
    <rPh sb="34" eb="36">
      <t>ガイヨウ</t>
    </rPh>
    <phoneticPr fontId="7"/>
  </si>
  <si>
    <t>建築物の改修に係る契約　令和７年度実績調査③（ESCO事業）</t>
    <rPh sb="0" eb="3">
      <t>ケンチクブツ</t>
    </rPh>
    <rPh sb="4" eb="6">
      <t>カイシュウ</t>
    </rPh>
    <rPh sb="7" eb="8">
      <t>カカワ</t>
    </rPh>
    <rPh sb="9" eb="11">
      <t>ケイヤク</t>
    </rPh>
    <rPh sb="17" eb="19">
      <t>ジッセキ</t>
    </rPh>
    <rPh sb="19" eb="21">
      <t>チョウサ</t>
    </rPh>
    <rPh sb="27" eb="29">
      <t>ジギョウ</t>
    </rPh>
    <phoneticPr fontId="7"/>
  </si>
  <si>
    <t>建築物の設計に関する契約　令和７年度実績調査（詳細）</t>
    <rPh sb="0" eb="3">
      <t>ケンチクブツ</t>
    </rPh>
    <rPh sb="4" eb="6">
      <t>セッケイ</t>
    </rPh>
    <rPh sb="7" eb="8">
      <t>カン</t>
    </rPh>
    <rPh sb="10" eb="12">
      <t>ケイヤク</t>
    </rPh>
    <rPh sb="18" eb="20">
      <t>ジッセキ</t>
    </rPh>
    <rPh sb="20" eb="22">
      <t>チョウサ</t>
    </rPh>
    <rPh sb="23" eb="25">
      <t>ショウサイ</t>
    </rPh>
    <phoneticPr fontId="7"/>
  </si>
  <si>
    <t>←「建築物の維持管理に係る環境配慮契約のチェックリスト」を活用しているか
　　否かを記入してください（令和6年度作成）</t>
    <rPh sb="2" eb="5">
      <t>ケンチクブツ</t>
    </rPh>
    <rPh sb="6" eb="10">
      <t>イジカンリ</t>
    </rPh>
    <rPh sb="11" eb="12">
      <t>カカ</t>
    </rPh>
    <rPh sb="13" eb="17">
      <t>カンキョウハイリョ</t>
    </rPh>
    <rPh sb="17" eb="19">
      <t>ケイヤク</t>
    </rPh>
    <rPh sb="29" eb="31">
      <t>カツヨウ</t>
    </rPh>
    <rPh sb="39" eb="40">
      <t>イナ</t>
    </rPh>
    <rPh sb="42" eb="44">
      <t>キニュウ</t>
    </rPh>
    <phoneticPr fontId="7"/>
  </si>
  <si>
    <t>←「建築物の維持管理に係る環境配慮契約のチェックリスト」の活用の有無
https://www.env.go.jp/content/000303432.pdf</t>
    <rPh sb="2" eb="5">
      <t>ケンチクブツ</t>
    </rPh>
    <rPh sb="6" eb="8">
      <t>イジ</t>
    </rPh>
    <rPh sb="8" eb="10">
      <t>カンリ</t>
    </rPh>
    <rPh sb="11" eb="12">
      <t>カカ</t>
    </rPh>
    <rPh sb="13" eb="15">
      <t>カンキョウ</t>
    </rPh>
    <rPh sb="15" eb="17">
      <t>ハイリョ</t>
    </rPh>
    <rPh sb="17" eb="19">
      <t>ケイヤク</t>
    </rPh>
    <rPh sb="29" eb="31">
      <t>カツヨウ</t>
    </rPh>
    <rPh sb="32" eb="34">
      <t>ウム</t>
    </rPh>
    <phoneticPr fontId="7"/>
  </si>
  <si>
    <t xml:space="preserve"> ←E又はE－の場合でチェックリストを活用していない場合はその理由を記載してください</t>
    <rPh sb="3" eb="4">
      <t>マタ</t>
    </rPh>
    <rPh sb="8" eb="10">
      <t>バアイ</t>
    </rPh>
    <rPh sb="19" eb="21">
      <t>カツヨウ</t>
    </rPh>
    <rPh sb="26" eb="28">
      <t>バアイ</t>
    </rPh>
    <rPh sb="31" eb="33">
      <t>リユウ</t>
    </rPh>
    <rPh sb="34" eb="36">
      <t>キサイ</t>
    </rPh>
    <phoneticPr fontId="7"/>
  </si>
  <si>
    <t>燃え殻</t>
    <rPh sb="0" eb="1">
      <t>モ</t>
    </rPh>
    <rPh sb="2" eb="3">
      <t>ガラ</t>
    </rPh>
    <phoneticPr fontId="7"/>
  </si>
  <si>
    <t>ガラスくず、コンクリートくず及び陶磁器くず</t>
    <phoneticPr fontId="7"/>
  </si>
  <si>
    <t>活用していない理由</t>
    <rPh sb="0" eb="2">
      <t>カツヨウ</t>
    </rPh>
    <rPh sb="7" eb="9">
      <t>リユウ</t>
    </rPh>
    <phoneticPr fontId="7"/>
  </si>
  <si>
    <t>入札が見込まれる事業者が裾切り要件を満たさないため</t>
  </si>
  <si>
    <t>契約開始月（●年●月）</t>
    <rPh sb="0" eb="2">
      <t>ケイヤク</t>
    </rPh>
    <rPh sb="2" eb="4">
      <t>カイシ</t>
    </rPh>
    <rPh sb="4" eb="5">
      <t>ツキ</t>
    </rPh>
    <rPh sb="7" eb="8">
      <t>ネン</t>
    </rPh>
    <rPh sb="9" eb="10">
      <t>ツキ</t>
    </rPh>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9">
    <numFmt numFmtId="176" formatCode="#,##0_ "/>
    <numFmt numFmtId="177" formatCode="0.00_ "/>
    <numFmt numFmtId="178" formatCode="0.000%"/>
    <numFmt numFmtId="179" formatCode="0\ &quot;台&quot;"/>
    <numFmt numFmtId="180" formatCode="&quot;う&quot;&quot;ち&quot;\ \ \ 0\ &quot;台&quot;"/>
    <numFmt numFmtId="181" formatCode="0\ &quot;件&quot;"/>
    <numFmt numFmtId="182" formatCode="&quot;う&quot;&quot;ち&quot;\ \ \ 0\ &quot;件&quot;"/>
    <numFmt numFmtId="183" formatCode="###,##0\ &quot;kWh&quot;"/>
    <numFmt numFmtId="184" formatCode="0\ &quot;トン&quot;"/>
    <numFmt numFmtId="185" formatCode="\ \ \ 0\ &quot;件&quot;"/>
    <numFmt numFmtId="186" formatCode="0.0%"/>
    <numFmt numFmtId="187" formatCode="\ \ \ 0\ &quot;件　&quot;"/>
    <numFmt numFmtId="188" formatCode="#,##0;[Red]#,##0"/>
    <numFmt numFmtId="189" formatCode="0.00_);[Red]\(0.00\)"/>
    <numFmt numFmtId="190" formatCode="#,##0.0;[Red]\-#,##0.0"/>
    <numFmt numFmtId="191" formatCode="0.000_);[Red]\(0.000\)"/>
    <numFmt numFmtId="192" formatCode="#,##0.0;[Red]#,##0.0"/>
    <numFmt numFmtId="193" formatCode="0.0_);[Red]\(0.0\)"/>
    <numFmt numFmtId="194" formatCode="0.0000_);[Red]\(0.0000\)"/>
    <numFmt numFmtId="195" formatCode="#,##0.000;[Red]#,##0.000"/>
    <numFmt numFmtId="196" formatCode="0.0_ "/>
    <numFmt numFmtId="197" formatCode="0.000_ "/>
    <numFmt numFmtId="198" formatCode="0\ &quot;ヶ&quot;&quot;月&quot;"/>
    <numFmt numFmtId="199" formatCode="#,##0.0_ "/>
    <numFmt numFmtId="200" formatCode="#,##0.000_ "/>
    <numFmt numFmtId="201" formatCode="0&quot;年&quot;"/>
    <numFmt numFmtId="202" formatCode="0&quot;月&quot;"/>
    <numFmt numFmtId="203" formatCode="0&quot;kWh&quot;"/>
    <numFmt numFmtId="204" formatCode="0&quot;kW&quot;"/>
  </numFmts>
  <fonts count="172">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0"/>
      <color theme="1"/>
      <name val="ＭＳ ゴシック"/>
      <family val="2"/>
      <charset val="128"/>
    </font>
    <font>
      <sz val="10"/>
      <color theme="1"/>
      <name val="ＭＳ ゴシック"/>
      <family val="2"/>
      <charset val="128"/>
    </font>
    <font>
      <sz val="11"/>
      <name val="ＭＳ Ｐゴシック"/>
      <family val="3"/>
      <charset val="128"/>
    </font>
    <font>
      <sz val="6"/>
      <name val="ＭＳ Ｐゴシック"/>
      <family val="3"/>
      <charset val="128"/>
    </font>
    <font>
      <b/>
      <sz val="14"/>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0"/>
      <color indexed="9"/>
      <name val="ＭＳ Ｐゴシック"/>
      <family val="3"/>
      <charset val="128"/>
    </font>
    <font>
      <sz val="16"/>
      <name val="HGS創英角ｺﾞｼｯｸUB"/>
      <family val="3"/>
      <charset val="128"/>
    </font>
    <font>
      <sz val="10.5"/>
      <name val="Century"/>
      <family val="1"/>
    </font>
    <font>
      <sz val="10"/>
      <color indexed="8"/>
      <name val="Arial"/>
      <family val="2"/>
    </font>
    <font>
      <sz val="10"/>
      <color indexed="8"/>
      <name val="ＭＳ Ｐゴシック"/>
      <family val="3"/>
      <charset val="128"/>
    </font>
    <font>
      <sz val="10"/>
      <color indexed="8"/>
      <name val="ＭＳ ゴシック"/>
      <family val="3"/>
      <charset val="128"/>
    </font>
    <font>
      <sz val="10"/>
      <name val="ＭＳ Ｐゴシック"/>
      <family val="3"/>
      <charset val="128"/>
    </font>
    <font>
      <sz val="10"/>
      <name val="Arial"/>
      <family val="2"/>
    </font>
    <font>
      <sz val="10"/>
      <name val="ＭＳ ゴシック"/>
      <family val="3"/>
      <charset val="128"/>
    </font>
    <font>
      <sz val="12"/>
      <name val="ＭＳ ゴシック"/>
      <family val="3"/>
      <charset val="128"/>
    </font>
    <font>
      <sz val="9"/>
      <name val="ＭＳ ゴシック"/>
      <family val="3"/>
      <charset val="128"/>
    </font>
    <font>
      <sz val="11"/>
      <name val="ＭＳ ゴシック"/>
      <family val="3"/>
      <charset val="128"/>
    </font>
    <font>
      <sz val="9"/>
      <color indexed="8"/>
      <name val="ＭＳ Ｐゴシック"/>
      <family val="3"/>
      <charset val="128"/>
    </font>
    <font>
      <sz val="9"/>
      <name val="ＭＳ Ｐゴシック"/>
      <family val="3"/>
      <charset val="128"/>
    </font>
    <font>
      <sz val="10.5"/>
      <name val="ＭＳ Ｐ明朝"/>
      <family val="1"/>
      <charset val="128"/>
    </font>
    <font>
      <sz val="10.5"/>
      <name val="ＭＳ Ｐゴシック"/>
      <family val="3"/>
      <charset val="128"/>
    </font>
    <font>
      <sz val="8"/>
      <name val="ＭＳ ゴシック"/>
      <family val="3"/>
      <charset val="128"/>
    </font>
    <font>
      <vertAlign val="subscript"/>
      <sz val="10"/>
      <name val="Arial"/>
      <family val="2"/>
    </font>
    <font>
      <b/>
      <sz val="11"/>
      <name val="ＭＳ ゴシック"/>
      <family val="3"/>
      <charset val="128"/>
    </font>
    <font>
      <b/>
      <sz val="14"/>
      <name val="ＭＳ ゴシック"/>
      <family val="3"/>
      <charset val="128"/>
    </font>
    <font>
      <b/>
      <sz val="12"/>
      <name val="ＭＳ ゴシック"/>
      <family val="3"/>
      <charset val="128"/>
    </font>
    <font>
      <sz val="11"/>
      <color indexed="12"/>
      <name val="ＭＳ Ｐゴシック"/>
      <family val="3"/>
      <charset val="128"/>
    </font>
    <font>
      <vertAlign val="superscript"/>
      <sz val="11"/>
      <color indexed="8"/>
      <name val="ＭＳ Ｐゴシック"/>
      <family val="3"/>
      <charset val="128"/>
    </font>
    <font>
      <vertAlign val="subscript"/>
      <sz val="11"/>
      <color indexed="8"/>
      <name val="ＭＳ Ｐゴシック"/>
      <family val="3"/>
      <charset val="128"/>
    </font>
    <font>
      <sz val="11"/>
      <name val="Arial"/>
      <family val="2"/>
    </font>
    <font>
      <sz val="11"/>
      <name val="ＭＳ Ｐゴシック"/>
      <family val="3"/>
      <charset val="128"/>
    </font>
    <font>
      <sz val="20"/>
      <name val="HGS創英角ｺﾞｼｯｸUB"/>
      <family val="3"/>
      <charset val="128"/>
    </font>
    <font>
      <b/>
      <sz val="12"/>
      <color indexed="10"/>
      <name val="ＭＳ Ｐゴシック"/>
      <family val="3"/>
      <charset val="128"/>
    </font>
    <font>
      <b/>
      <sz val="16"/>
      <name val="ＭＳ Ｐゴシック"/>
      <family val="3"/>
      <charset val="128"/>
    </font>
    <font>
      <sz val="8"/>
      <name val="ＭＳ Ｐゴシック"/>
      <family val="3"/>
      <charset val="128"/>
    </font>
    <font>
      <b/>
      <sz val="11"/>
      <name val="ＭＳ Ｐゴシック"/>
      <family val="3"/>
      <charset val="128"/>
    </font>
    <font>
      <u/>
      <sz val="11"/>
      <color indexed="10"/>
      <name val="ＭＳ ゴシック"/>
      <family val="3"/>
      <charset val="128"/>
    </font>
    <font>
      <sz val="14"/>
      <name val="ＭＳ Ｐゴシック"/>
      <family val="3"/>
      <charset val="128"/>
    </font>
    <font>
      <sz val="20"/>
      <name val="ＭＳ Ｐゴシック"/>
      <family val="3"/>
      <charset val="128"/>
    </font>
    <font>
      <sz val="10"/>
      <name val="Century"/>
      <family val="1"/>
    </font>
    <font>
      <b/>
      <sz val="8"/>
      <color indexed="10"/>
      <name val="ＭＳ ゴシック"/>
      <family val="3"/>
      <charset val="128"/>
    </font>
    <font>
      <sz val="10"/>
      <color indexed="30"/>
      <name val="ＭＳ ゴシック"/>
      <family val="3"/>
      <charset val="128"/>
    </font>
    <font>
      <b/>
      <sz val="12"/>
      <name val="ＭＳ Ｐゴシック"/>
      <family val="3"/>
      <charset val="128"/>
    </font>
    <font>
      <sz val="8"/>
      <color indexed="30"/>
      <name val="ＭＳ Ｐゴシック"/>
      <family val="3"/>
      <charset val="128"/>
    </font>
    <font>
      <sz val="9"/>
      <color indexed="30"/>
      <name val="ＭＳ Ｐゴシック"/>
      <family val="3"/>
      <charset val="128"/>
    </font>
    <font>
      <b/>
      <sz val="11"/>
      <color indexed="10"/>
      <name val="ＭＳ Ｐゴシック"/>
      <family val="3"/>
      <charset val="128"/>
    </font>
    <font>
      <sz val="14"/>
      <name val="HGS創英角ｺﾞｼｯｸUB"/>
      <family val="3"/>
      <charset val="128"/>
    </font>
    <font>
      <sz val="16"/>
      <name val="ＭＳ Ｐゴシック"/>
      <family val="3"/>
      <charset val="128"/>
    </font>
    <font>
      <sz val="9"/>
      <color indexed="10"/>
      <name val="ＭＳ ゴシック"/>
      <family val="3"/>
      <charset val="128"/>
    </font>
    <font>
      <b/>
      <u/>
      <sz val="14"/>
      <color indexed="10"/>
      <name val="ＭＳ Ｐゴシック"/>
      <family val="3"/>
      <charset val="128"/>
    </font>
    <font>
      <b/>
      <u/>
      <sz val="12"/>
      <color indexed="10"/>
      <name val="ＭＳ Ｐゴシック"/>
      <family val="3"/>
      <charset val="128"/>
    </font>
    <font>
      <b/>
      <sz val="10"/>
      <color indexed="10"/>
      <name val="ＭＳ Ｐゴシック"/>
      <family val="3"/>
      <charset val="128"/>
    </font>
    <font>
      <b/>
      <u/>
      <sz val="11"/>
      <color indexed="12"/>
      <name val="ＭＳ Ｐゴシック"/>
      <family val="3"/>
      <charset val="128"/>
    </font>
    <font>
      <i/>
      <sz val="9"/>
      <name val="ＭＳ Ｐゴシック"/>
      <family val="3"/>
      <charset val="128"/>
    </font>
    <font>
      <b/>
      <u/>
      <sz val="11"/>
      <color indexed="10"/>
      <name val="ＭＳ Ｐゴシック"/>
      <family val="3"/>
      <charset val="128"/>
    </font>
    <font>
      <sz val="12"/>
      <name val="ＭＳ Ｐゴシック"/>
      <family val="3"/>
      <charset val="128"/>
    </font>
    <font>
      <sz val="11"/>
      <color indexed="10"/>
      <name val="ＭＳ ゴシック"/>
      <family val="3"/>
      <charset val="128"/>
    </font>
    <font>
      <u/>
      <sz val="11"/>
      <name val="ＭＳ ゴシック"/>
      <family val="3"/>
      <charset val="128"/>
    </font>
    <font>
      <sz val="9"/>
      <color rgb="FF7030A0"/>
      <name val="ＭＳ Ｐゴシック"/>
      <family val="3"/>
      <charset val="128"/>
    </font>
    <font>
      <sz val="11"/>
      <color rgb="FFFF0000"/>
      <name val="ＭＳ Ｐゴシック"/>
      <family val="3"/>
      <charset val="128"/>
    </font>
    <font>
      <sz val="11"/>
      <color rgb="FF0070C0"/>
      <name val="ＭＳ Ｐゴシック"/>
      <family val="3"/>
      <charset val="128"/>
    </font>
    <font>
      <sz val="9"/>
      <color theme="0" tint="-0.34998626667073579"/>
      <name val="ＭＳ Ｐゴシック"/>
      <family val="3"/>
      <charset val="128"/>
    </font>
    <font>
      <sz val="16"/>
      <color rgb="FFFF0000"/>
      <name val="HGS創英角ｺﾞｼｯｸUB"/>
      <family val="3"/>
      <charset val="128"/>
    </font>
    <font>
      <sz val="9"/>
      <color rgb="FFFF0000"/>
      <name val="ＭＳ Ｐゴシック"/>
      <family val="3"/>
      <charset val="128"/>
    </font>
    <font>
      <sz val="11"/>
      <color rgb="FF7030A0"/>
      <name val="ＭＳ ゴシック"/>
      <family val="3"/>
      <charset val="128"/>
    </font>
    <font>
      <sz val="10"/>
      <color rgb="FF7030A0"/>
      <name val="ＭＳ Ｐゴシック"/>
      <family val="3"/>
      <charset val="128"/>
    </font>
    <font>
      <sz val="10"/>
      <color theme="1"/>
      <name val="ＭＳ Ｐゴシック"/>
      <family val="3"/>
      <charset val="128"/>
    </font>
    <font>
      <sz val="11"/>
      <color rgb="FFFF0000"/>
      <name val="ＭＳ ゴシック"/>
      <family val="3"/>
      <charset val="128"/>
    </font>
    <font>
      <u/>
      <sz val="11"/>
      <color rgb="FFFF0000"/>
      <name val="ＭＳ ゴシック"/>
      <family val="3"/>
      <charset val="128"/>
    </font>
    <font>
      <b/>
      <sz val="11"/>
      <color rgb="FFFF0000"/>
      <name val="ＭＳ Ｐゴシック"/>
      <family val="3"/>
      <charset val="128"/>
    </font>
    <font>
      <u/>
      <sz val="11"/>
      <color rgb="FFFF0000"/>
      <name val="ＭＳ Ｐゴシック"/>
      <family val="3"/>
      <charset val="128"/>
    </font>
    <font>
      <b/>
      <u/>
      <sz val="12"/>
      <color rgb="FF0000FF"/>
      <name val="ＭＳ Ｐゴシック"/>
      <family val="3"/>
      <charset val="128"/>
    </font>
    <font>
      <sz val="10"/>
      <color rgb="FFFF0000"/>
      <name val="ＭＳ Ｐゴシック"/>
      <family val="3"/>
      <charset val="128"/>
    </font>
    <font>
      <u/>
      <sz val="10.5"/>
      <color rgb="FFFF0000"/>
      <name val="ＭＳ Ｐゴシック"/>
      <family val="3"/>
      <charset val="128"/>
    </font>
    <font>
      <b/>
      <u/>
      <sz val="10"/>
      <color rgb="FFFF0000"/>
      <name val="ＭＳ Ｐゴシック"/>
      <family val="3"/>
      <charset val="128"/>
    </font>
    <font>
      <b/>
      <u/>
      <sz val="11"/>
      <color rgb="FFFF0000"/>
      <name val="ＭＳ Ｐゴシック"/>
      <family val="3"/>
      <charset val="128"/>
    </font>
    <font>
      <b/>
      <u/>
      <sz val="10"/>
      <color rgb="FF0000FF"/>
      <name val="ＭＳ Ｐゴシック"/>
      <family val="3"/>
      <charset val="128"/>
    </font>
    <font>
      <b/>
      <u/>
      <sz val="11"/>
      <color rgb="FF0000FF"/>
      <name val="ＭＳ Ｐゴシック"/>
      <family val="3"/>
      <charset val="128"/>
    </font>
    <font>
      <sz val="10"/>
      <color rgb="FFFF0000"/>
      <name val="ＭＳ ゴシック"/>
      <family val="3"/>
      <charset val="128"/>
    </font>
    <font>
      <sz val="9"/>
      <color rgb="FFFF0000"/>
      <name val="ＭＳ ゴシック"/>
      <family val="3"/>
      <charset val="128"/>
    </font>
    <font>
      <b/>
      <sz val="11"/>
      <color rgb="FFFF0000"/>
      <name val="ＭＳ ゴシック"/>
      <family val="3"/>
      <charset val="128"/>
    </font>
    <font>
      <sz val="10"/>
      <color theme="1"/>
      <name val="ＭＳ ゴシック"/>
      <family val="3"/>
      <charset val="128"/>
    </font>
    <font>
      <sz val="14"/>
      <color rgb="FFFF0000"/>
      <name val="ＭＳ Ｐゴシック"/>
      <family val="3"/>
      <charset val="128"/>
    </font>
    <font>
      <b/>
      <sz val="9"/>
      <color rgb="FFFF0000"/>
      <name val="ＭＳ ゴシック"/>
      <family val="3"/>
      <charset val="128"/>
    </font>
    <font>
      <sz val="11"/>
      <color rgb="FF7030A0"/>
      <name val="ＭＳ Ｐゴシック"/>
      <family val="3"/>
      <charset val="128"/>
    </font>
    <font>
      <b/>
      <sz val="12"/>
      <color theme="1"/>
      <name val="ＭＳ ゴシック"/>
      <family val="3"/>
      <charset val="128"/>
    </font>
    <font>
      <sz val="6"/>
      <name val="ＭＳ ゴシック"/>
      <family val="2"/>
      <charset val="128"/>
    </font>
    <font>
      <b/>
      <u/>
      <sz val="11"/>
      <name val="ＭＳ Ｐゴシック"/>
      <family val="3"/>
      <charset val="128"/>
    </font>
    <font>
      <sz val="9"/>
      <name val="Arial"/>
      <family val="2"/>
    </font>
    <font>
      <u/>
      <sz val="10.5"/>
      <name val="ＭＳ Ｐゴシック"/>
      <family val="3"/>
      <charset val="128"/>
    </font>
    <font>
      <b/>
      <u/>
      <sz val="10.5"/>
      <name val="ＭＳ Ｐゴシック"/>
      <family val="3"/>
      <charset val="128"/>
    </font>
    <font>
      <b/>
      <sz val="10.5"/>
      <name val="ＭＳ Ｐゴシック"/>
      <family val="3"/>
      <charset val="128"/>
    </font>
    <font>
      <u/>
      <sz val="11"/>
      <color theme="10"/>
      <name val="ＭＳ Ｐゴシック"/>
      <family val="3"/>
      <charset val="128"/>
    </font>
    <font>
      <sz val="10"/>
      <color rgb="FFFF0000"/>
      <name val="ＭＳ ゴシック"/>
      <family val="2"/>
      <charset val="128"/>
    </font>
    <font>
      <sz val="10"/>
      <name val="ＭＳ ゴシック"/>
      <family val="2"/>
      <charset val="128"/>
    </font>
    <font>
      <b/>
      <sz val="10"/>
      <name val="ＭＳ Ｐゴシック"/>
      <family val="3"/>
      <charset val="128"/>
    </font>
    <font>
      <b/>
      <sz val="10"/>
      <color rgb="FFFF0000"/>
      <name val="ＭＳ Ｐゴシック"/>
      <family val="3"/>
      <charset val="128"/>
    </font>
    <font>
      <sz val="18"/>
      <name val="HGS創英角ｺﾞｼｯｸUB"/>
      <family val="3"/>
      <charset val="128"/>
    </font>
    <font>
      <sz val="6"/>
      <name val="ＭＳ Ｐゴシック"/>
      <family val="2"/>
      <charset val="128"/>
      <scheme val="minor"/>
    </font>
    <font>
      <sz val="18"/>
      <name val="ＭＳ ゴシック"/>
      <family val="3"/>
      <charset val="128"/>
    </font>
    <font>
      <sz val="14"/>
      <name val="ＭＳ ゴシック"/>
      <family val="3"/>
      <charset val="128"/>
    </font>
    <font>
      <sz val="11"/>
      <name val="Verdana"/>
      <family val="2"/>
    </font>
    <font>
      <sz val="8"/>
      <name val="Verdana"/>
      <family val="2"/>
    </font>
    <font>
      <sz val="9"/>
      <name val="Verdana"/>
      <family val="2"/>
    </font>
    <font>
      <sz val="14"/>
      <name val="Verdana"/>
      <family val="2"/>
    </font>
    <font>
      <b/>
      <sz val="12"/>
      <name val="Verdana"/>
      <family val="2"/>
    </font>
    <font>
      <sz val="11"/>
      <name val="Verdana"/>
      <family val="3"/>
      <charset val="128"/>
    </font>
    <font>
      <sz val="10"/>
      <name val="Verdana"/>
      <family val="2"/>
    </font>
    <font>
      <i/>
      <sz val="11"/>
      <name val="Verdana"/>
      <family val="2"/>
    </font>
    <font>
      <sz val="11"/>
      <name val="Verdana"/>
      <family val="3"/>
    </font>
    <font>
      <sz val="12"/>
      <color rgb="FFFF0000"/>
      <name val="Verdana"/>
      <family val="2"/>
    </font>
    <font>
      <sz val="10"/>
      <name val="Verdana"/>
      <family val="2"/>
      <charset val="128"/>
    </font>
    <font>
      <sz val="10"/>
      <name val="Microsoft YaHei"/>
      <family val="2"/>
      <charset val="134"/>
    </font>
    <font>
      <b/>
      <sz val="12"/>
      <color rgb="FFFF0000"/>
      <name val="Verdana"/>
      <family val="2"/>
    </font>
    <font>
      <sz val="10"/>
      <name val="ＭＳ Ｐゴシック"/>
      <family val="2"/>
      <charset val="128"/>
    </font>
    <font>
      <b/>
      <sz val="20"/>
      <color rgb="FFFF0000"/>
      <name val="Verdana"/>
      <family val="2"/>
    </font>
    <font>
      <b/>
      <sz val="11"/>
      <name val="Verdana"/>
      <family val="2"/>
      <charset val="128"/>
    </font>
    <font>
      <b/>
      <sz val="11"/>
      <name val="ＭＳ ゴシック"/>
      <family val="2"/>
      <charset val="128"/>
    </font>
    <font>
      <b/>
      <sz val="11"/>
      <name val="Verdana"/>
      <family val="2"/>
    </font>
    <font>
      <b/>
      <sz val="11"/>
      <color rgb="FFFF0000"/>
      <name val="Verdana"/>
      <family val="2"/>
    </font>
    <font>
      <b/>
      <sz val="9"/>
      <color indexed="81"/>
      <name val="ＭＳ Ｐゴシック"/>
      <family val="3"/>
      <charset val="128"/>
    </font>
    <font>
      <sz val="14"/>
      <color theme="1"/>
      <name val="ＭＳ Ｐゴシック"/>
      <family val="2"/>
      <charset val="128"/>
      <scheme val="minor"/>
    </font>
    <font>
      <sz val="14"/>
      <color theme="1"/>
      <name val="ＭＳ Ｐゴシック"/>
      <family val="3"/>
      <charset val="128"/>
      <scheme val="minor"/>
    </font>
    <font>
      <sz val="12"/>
      <color theme="1"/>
      <name val="ＭＳ Ｐゴシック"/>
      <family val="3"/>
      <charset val="128"/>
      <scheme val="minor"/>
    </font>
    <font>
      <b/>
      <sz val="12"/>
      <color theme="1"/>
      <name val="ＭＳ Ｐゴシック"/>
      <family val="3"/>
      <charset val="128"/>
      <scheme val="minor"/>
    </font>
    <font>
      <sz val="12"/>
      <color theme="1"/>
      <name val="ＭＳ Ｐゴシック"/>
      <family val="2"/>
      <charset val="128"/>
      <scheme val="minor"/>
    </font>
    <font>
      <b/>
      <sz val="11"/>
      <color rgb="FFFF0000"/>
      <name val="Segoe UI Symbol"/>
      <family val="2"/>
    </font>
    <font>
      <sz val="8"/>
      <color rgb="FFFF0000"/>
      <name val="ＭＳ ゴシック"/>
      <family val="3"/>
      <charset val="128"/>
    </font>
    <font>
      <sz val="8"/>
      <color rgb="FF0070C0"/>
      <name val="ＭＳ ゴシック"/>
      <family val="3"/>
      <charset val="128"/>
    </font>
    <font>
      <sz val="7"/>
      <color rgb="FF0070C0"/>
      <name val="ＭＳ Ｐゴシック"/>
      <family val="3"/>
      <charset val="128"/>
    </font>
    <font>
      <sz val="8"/>
      <color rgb="FF0070C0"/>
      <name val="ＭＳ Ｐゴシック"/>
      <family val="3"/>
      <charset val="128"/>
    </font>
    <font>
      <sz val="6"/>
      <color rgb="FF0070C0"/>
      <name val="ＭＳ Ｐゴシック"/>
      <family val="3"/>
      <charset val="128"/>
    </font>
    <font>
      <sz val="9"/>
      <color rgb="FF0070C0"/>
      <name val="ＭＳ Ｐゴシック"/>
      <family val="3"/>
      <charset val="128"/>
    </font>
    <font>
      <b/>
      <sz val="11"/>
      <color rgb="FF0070C0"/>
      <name val="ＭＳ ゴシック"/>
      <family val="3"/>
      <charset val="128"/>
    </font>
    <font>
      <b/>
      <sz val="9"/>
      <name val="ＭＳ ゴシック"/>
      <family val="3"/>
      <charset val="128"/>
    </font>
    <font>
      <sz val="22"/>
      <name val="ＭＳ Ｐゴシック"/>
      <family val="3"/>
      <charset val="128"/>
    </font>
    <font>
      <sz val="22"/>
      <name val="Verdana"/>
      <family val="2"/>
    </font>
    <font>
      <sz val="11"/>
      <name val="ＭＳ Ｐゴシック"/>
      <family val="2"/>
      <charset val="128"/>
    </font>
    <font>
      <sz val="12"/>
      <color rgb="FFFF0000"/>
      <name val="ＭＳ Ｐゴシック"/>
      <family val="2"/>
      <charset val="128"/>
    </font>
    <font>
      <sz val="11"/>
      <color rgb="FFFF0000"/>
      <name val="Verdana"/>
      <family val="2"/>
    </font>
    <font>
      <b/>
      <sz val="11"/>
      <color rgb="FF0033CC"/>
      <name val="ＭＳ ゴシック"/>
      <family val="3"/>
      <charset val="128"/>
    </font>
    <font>
      <sz val="11"/>
      <color rgb="FF0033CC"/>
      <name val="Verdana"/>
      <family val="2"/>
    </font>
    <font>
      <b/>
      <sz val="11"/>
      <color rgb="FF0033CC"/>
      <name val="ＭＳ Ｐゴシック"/>
      <family val="3"/>
      <charset val="128"/>
    </font>
    <font>
      <b/>
      <sz val="10"/>
      <color rgb="FFFF0000"/>
      <name val="ＭＳ ゴシック"/>
      <family val="3"/>
      <charset val="128"/>
    </font>
    <font>
      <b/>
      <sz val="10"/>
      <name val="ＭＳ ゴシック"/>
      <family val="3"/>
      <charset val="128"/>
    </font>
    <font>
      <sz val="6"/>
      <name val="ＭＳ ゴシック"/>
      <family val="3"/>
      <charset val="128"/>
    </font>
    <font>
      <sz val="11"/>
      <color rgb="FFFF0000"/>
      <name val="ＭＳ Ｐゴシック"/>
      <family val="2"/>
      <charset val="128"/>
      <scheme val="minor"/>
    </font>
    <font>
      <sz val="9"/>
      <color rgb="FFFF0000"/>
      <name val="ＭＳ Ｐゴシック"/>
      <family val="2"/>
      <charset val="128"/>
      <scheme val="minor"/>
    </font>
    <font>
      <b/>
      <u/>
      <sz val="11"/>
      <color rgb="FFFF0000"/>
      <name val="ＭＳ ゴシック"/>
      <family val="3"/>
      <charset val="128"/>
    </font>
    <font>
      <b/>
      <u/>
      <sz val="9"/>
      <color rgb="FFFF0000"/>
      <name val="ＭＳ Ｐゴシック"/>
      <family val="3"/>
      <charset val="128"/>
    </font>
    <font>
      <b/>
      <u/>
      <sz val="11"/>
      <color rgb="FFFF0000"/>
      <name val="Arial"/>
      <family val="2"/>
    </font>
  </fonts>
  <fills count="4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2"/>
        <bgColor indexed="64"/>
      </patternFill>
    </fill>
    <fill>
      <patternFill patternType="solid">
        <fgColor indexed="41"/>
        <bgColor indexed="64"/>
      </patternFill>
    </fill>
    <fill>
      <patternFill patternType="solid">
        <fgColor indexed="43"/>
        <bgColor indexed="64"/>
      </patternFill>
    </fill>
    <fill>
      <patternFill patternType="solid">
        <fgColor rgb="FFCCFFFF"/>
        <bgColor indexed="64"/>
      </patternFill>
    </fill>
    <fill>
      <patternFill patternType="solid">
        <fgColor rgb="FFFFFF99"/>
        <bgColor indexed="64"/>
      </patternFill>
    </fill>
    <fill>
      <patternFill patternType="solid">
        <fgColor rgb="FF92D050"/>
        <bgColor indexed="64"/>
      </patternFill>
    </fill>
    <fill>
      <patternFill patternType="solid">
        <fgColor rgb="FFFFFF00"/>
        <bgColor indexed="64"/>
      </patternFill>
    </fill>
    <fill>
      <patternFill patternType="solid">
        <fgColor theme="9" tint="0.79998168889431442"/>
        <bgColor indexed="64"/>
      </patternFill>
    </fill>
    <fill>
      <patternFill patternType="solid">
        <fgColor theme="6" tint="0.79998168889431442"/>
        <bgColor indexed="64"/>
      </patternFill>
    </fill>
    <fill>
      <patternFill patternType="solid">
        <fgColor theme="0" tint="-4.9989318521683403E-2"/>
        <bgColor indexed="64"/>
      </patternFill>
    </fill>
    <fill>
      <patternFill patternType="solid">
        <fgColor rgb="FF66FF66"/>
        <bgColor indexed="64"/>
      </patternFill>
    </fill>
    <fill>
      <patternFill patternType="solid">
        <fgColor theme="9" tint="0.59999389629810485"/>
        <bgColor indexed="64"/>
      </patternFill>
    </fill>
    <fill>
      <patternFill patternType="solid">
        <fgColor theme="8" tint="0.79998168889431442"/>
        <bgColor indexed="64"/>
      </patternFill>
    </fill>
    <fill>
      <patternFill patternType="solid">
        <fgColor theme="6" tint="0.59999389629810485"/>
        <bgColor indexed="64"/>
      </patternFill>
    </fill>
    <fill>
      <patternFill patternType="solid">
        <fgColor theme="6" tint="0.39997558519241921"/>
        <bgColor indexed="64"/>
      </patternFill>
    </fill>
    <fill>
      <patternFill patternType="solid">
        <fgColor theme="0" tint="-0.14999847407452621"/>
        <bgColor indexed="64"/>
      </patternFill>
    </fill>
    <fill>
      <patternFill patternType="solid">
        <fgColor theme="0" tint="-0.249977111117893"/>
        <bgColor indexed="64"/>
      </patternFill>
    </fill>
    <fill>
      <patternFill patternType="solid">
        <fgColor theme="7" tint="0.79998168889431442"/>
        <bgColor indexed="64"/>
      </patternFill>
    </fill>
    <fill>
      <patternFill patternType="solid">
        <fgColor theme="8" tint="0.59999389629810485"/>
        <bgColor indexed="64"/>
      </patternFill>
    </fill>
    <fill>
      <patternFill patternType="solid">
        <fgColor rgb="FFFFFFCC"/>
        <bgColor indexed="64"/>
      </patternFill>
    </fill>
    <fill>
      <patternFill patternType="solid">
        <fgColor theme="3" tint="0.79998168889431442"/>
        <bgColor indexed="64"/>
      </patternFill>
    </fill>
    <fill>
      <patternFill patternType="solid">
        <fgColor rgb="FFFFF0FF"/>
        <bgColor indexed="64"/>
      </patternFill>
    </fill>
  </fills>
  <borders count="218">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bottom/>
      <diagonal/>
    </border>
    <border>
      <left style="medium">
        <color indexed="64"/>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right style="thin">
        <color indexed="64"/>
      </right>
      <top style="thin">
        <color indexed="64"/>
      </top>
      <bottom style="dotted">
        <color indexed="64"/>
      </bottom>
      <diagonal/>
    </border>
    <border>
      <left/>
      <right style="medium">
        <color indexed="64"/>
      </right>
      <top style="thin">
        <color indexed="64"/>
      </top>
      <bottom style="dotted">
        <color indexed="64"/>
      </bottom>
      <diagonal/>
    </border>
    <border>
      <left/>
      <right style="thin">
        <color indexed="64"/>
      </right>
      <top style="dotted">
        <color indexed="64"/>
      </top>
      <bottom style="dotted">
        <color indexed="64"/>
      </bottom>
      <diagonal/>
    </border>
    <border>
      <left/>
      <right style="medium">
        <color indexed="64"/>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double">
        <color indexed="64"/>
      </bottom>
      <diagonal/>
    </border>
    <border>
      <left style="thin">
        <color indexed="64"/>
      </left>
      <right style="dotted">
        <color indexed="64"/>
      </right>
      <top style="double">
        <color indexed="64"/>
      </top>
      <bottom/>
      <diagonal/>
    </border>
    <border>
      <left style="dotted">
        <color indexed="64"/>
      </left>
      <right style="medium">
        <color indexed="64"/>
      </right>
      <top style="double">
        <color indexed="64"/>
      </top>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right style="medium">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style="medium">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top style="hair">
        <color indexed="64"/>
      </top>
      <bottom style="thin">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dotted">
        <color indexed="64"/>
      </right>
      <top style="hair">
        <color indexed="64"/>
      </top>
      <bottom style="medium">
        <color indexed="64"/>
      </bottom>
      <diagonal/>
    </border>
    <border>
      <left style="dotted">
        <color indexed="64"/>
      </left>
      <right/>
      <top style="hair">
        <color indexed="64"/>
      </top>
      <bottom style="medium">
        <color indexed="64"/>
      </bottom>
      <diagonal/>
    </border>
    <border>
      <left/>
      <right style="medium">
        <color indexed="64"/>
      </right>
      <top style="hair">
        <color indexed="64"/>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top/>
      <bottom style="medium">
        <color indexed="64"/>
      </bottom>
      <diagonal/>
    </border>
    <border>
      <left style="dotted">
        <color indexed="64"/>
      </left>
      <right style="dotted">
        <color indexed="64"/>
      </right>
      <top style="double">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double">
        <color indexed="64"/>
      </top>
      <bottom/>
      <diagonal/>
    </border>
    <border>
      <left style="thin">
        <color indexed="64"/>
      </left>
      <right style="dotted">
        <color indexed="64"/>
      </right>
      <top style="thin">
        <color indexed="64"/>
      </top>
      <bottom style="medium">
        <color indexed="64"/>
      </bottom>
      <diagonal/>
    </border>
    <border>
      <left style="dotted">
        <color indexed="64"/>
      </left>
      <right style="dotted">
        <color indexed="64"/>
      </right>
      <top style="thin">
        <color indexed="64"/>
      </top>
      <bottom style="medium">
        <color indexed="64"/>
      </bottom>
      <diagonal/>
    </border>
    <border>
      <left style="dotted">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dotted">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dotted">
        <color indexed="64"/>
      </right>
      <top/>
      <bottom/>
      <diagonal/>
    </border>
    <border>
      <left style="dotted">
        <color indexed="64"/>
      </left>
      <right style="dotted">
        <color indexed="64"/>
      </right>
      <top/>
      <bottom/>
      <diagonal/>
    </border>
    <border>
      <left style="dotted">
        <color indexed="64"/>
      </left>
      <right/>
      <top/>
      <bottom/>
      <diagonal/>
    </border>
    <border>
      <left style="dotted">
        <color indexed="64"/>
      </left>
      <right/>
      <top style="double">
        <color indexed="64"/>
      </top>
      <bottom/>
      <diagonal/>
    </border>
    <border>
      <left style="dotted">
        <color indexed="64"/>
      </left>
      <right/>
      <top style="thin">
        <color indexed="64"/>
      </top>
      <bottom style="medium">
        <color indexed="64"/>
      </bottom>
      <diagonal/>
    </border>
    <border>
      <left style="thin">
        <color indexed="64"/>
      </left>
      <right style="medium">
        <color indexed="64"/>
      </right>
      <top style="thin">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right style="medium">
        <color indexed="64"/>
      </right>
      <top style="medium">
        <color indexed="64"/>
      </top>
      <bottom style="double">
        <color indexed="64"/>
      </bottom>
      <diagonal/>
    </border>
    <border>
      <left style="thin">
        <color indexed="64"/>
      </left>
      <right style="thin">
        <color indexed="64"/>
      </right>
      <top style="medium">
        <color indexed="64"/>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dotted">
        <color indexed="64"/>
      </top>
      <bottom style="thin">
        <color indexed="64"/>
      </bottom>
      <diagonal/>
    </border>
    <border>
      <left/>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right/>
      <top style="dotted">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style="dotted">
        <color indexed="64"/>
      </top>
      <bottom/>
      <diagonal/>
    </border>
    <border>
      <left style="dotted">
        <color indexed="64"/>
      </left>
      <right style="dotted">
        <color indexed="64"/>
      </right>
      <top style="thin">
        <color indexed="64"/>
      </top>
      <bottom/>
      <diagonal/>
    </border>
    <border>
      <left style="thin">
        <color indexed="64"/>
      </left>
      <right style="dotted">
        <color indexed="64"/>
      </right>
      <top/>
      <bottom style="thin">
        <color indexed="64"/>
      </bottom>
      <diagonal/>
    </border>
    <border>
      <left style="dotted">
        <color indexed="64"/>
      </left>
      <right style="dotted">
        <color indexed="64"/>
      </right>
      <top/>
      <bottom style="thin">
        <color indexed="64"/>
      </bottom>
      <diagonal/>
    </border>
    <border>
      <left style="dotted">
        <color indexed="64"/>
      </left>
      <right/>
      <top/>
      <bottom style="thin">
        <color indexed="64"/>
      </bottom>
      <diagonal/>
    </border>
    <border>
      <left/>
      <right style="medium">
        <color indexed="64"/>
      </right>
      <top/>
      <bottom/>
      <diagonal/>
    </border>
    <border>
      <left style="medium">
        <color indexed="64"/>
      </left>
      <right style="thin">
        <color indexed="64"/>
      </right>
      <top style="medium">
        <color indexed="64"/>
      </top>
      <bottom style="double">
        <color indexed="64"/>
      </bottom>
      <diagonal/>
    </border>
    <border>
      <left style="dotted">
        <color indexed="64"/>
      </left>
      <right style="thin">
        <color indexed="64"/>
      </right>
      <top style="thin">
        <color indexed="64"/>
      </top>
      <bottom/>
      <diagonal/>
    </border>
    <border>
      <left style="dotted">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dotted">
        <color indexed="64"/>
      </right>
      <top style="thin">
        <color indexed="64"/>
      </top>
      <bottom/>
      <diagonal/>
    </border>
    <border>
      <left style="dotted">
        <color indexed="64"/>
      </left>
      <right/>
      <top style="thin">
        <color indexed="64"/>
      </top>
      <bottom style="thin">
        <color indexed="64"/>
      </bottom>
      <diagonal/>
    </border>
    <border>
      <left/>
      <right style="dotted">
        <color indexed="64"/>
      </right>
      <top style="thin">
        <color indexed="64"/>
      </top>
      <bottom style="thin">
        <color indexed="64"/>
      </bottom>
      <diagonal/>
    </border>
    <border>
      <left style="medium">
        <color indexed="64"/>
      </left>
      <right/>
      <top style="thin">
        <color indexed="64"/>
      </top>
      <bottom/>
      <diagonal/>
    </border>
    <border>
      <left style="thin">
        <color indexed="64"/>
      </left>
      <right/>
      <top style="double">
        <color indexed="64"/>
      </top>
      <bottom/>
      <diagonal/>
    </border>
    <border>
      <left/>
      <right/>
      <top style="double">
        <color indexed="64"/>
      </top>
      <bottom/>
      <diagonal/>
    </border>
    <border>
      <left/>
      <right style="medium">
        <color indexed="64"/>
      </right>
      <top style="double">
        <color indexed="64"/>
      </top>
      <bottom/>
      <diagonal/>
    </border>
    <border>
      <left style="medium">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double">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style="thin">
        <color indexed="64"/>
      </left>
      <right/>
      <top style="medium">
        <color indexed="64"/>
      </top>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style="thin">
        <color indexed="64"/>
      </right>
      <top style="double">
        <color indexed="64"/>
      </top>
      <bottom/>
      <diagonal/>
    </border>
    <border>
      <left style="dotted">
        <color indexed="64"/>
      </left>
      <right style="medium">
        <color indexed="64"/>
      </right>
      <top/>
      <bottom/>
      <diagonal/>
    </border>
    <border>
      <left style="dotted">
        <color indexed="64"/>
      </left>
      <right style="medium">
        <color indexed="64"/>
      </right>
      <top/>
      <bottom style="thin">
        <color indexed="64"/>
      </bottom>
      <diagonal/>
    </border>
    <border>
      <left/>
      <right style="medium">
        <color indexed="64"/>
      </right>
      <top/>
      <bottom style="medium">
        <color indexed="64"/>
      </bottom>
      <diagonal/>
    </border>
    <border>
      <left style="thick">
        <color rgb="FFFF0000"/>
      </left>
      <right/>
      <top style="thick">
        <color rgb="FFFF0000"/>
      </top>
      <bottom/>
      <diagonal/>
    </border>
    <border>
      <left/>
      <right/>
      <top style="thick">
        <color rgb="FFFF0000"/>
      </top>
      <bottom/>
      <diagonal/>
    </border>
    <border>
      <left/>
      <right style="thick">
        <color rgb="FFFF0000"/>
      </right>
      <top style="thick">
        <color rgb="FFFF0000"/>
      </top>
      <bottom/>
      <diagonal/>
    </border>
    <border>
      <left style="thick">
        <color rgb="FFFF0000"/>
      </left>
      <right/>
      <top/>
      <bottom/>
      <diagonal/>
    </border>
    <border>
      <left/>
      <right style="thick">
        <color rgb="FFFF0000"/>
      </right>
      <top/>
      <bottom/>
      <diagonal/>
    </border>
    <border>
      <left style="thick">
        <color rgb="FFFF0000"/>
      </left>
      <right/>
      <top/>
      <bottom style="thick">
        <color rgb="FFFF0000"/>
      </bottom>
      <diagonal/>
    </border>
    <border>
      <left/>
      <right/>
      <top/>
      <bottom style="thick">
        <color rgb="FFFF0000"/>
      </bottom>
      <diagonal/>
    </border>
    <border>
      <left/>
      <right style="thick">
        <color rgb="FFFF0000"/>
      </right>
      <top/>
      <bottom style="thick">
        <color rgb="FFFF0000"/>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medium">
        <color indexed="64"/>
      </bottom>
      <diagonal/>
    </border>
    <border>
      <left style="thin">
        <color indexed="64"/>
      </left>
      <right/>
      <top/>
      <bottom style="medium">
        <color indexed="64"/>
      </bottom>
      <diagonal/>
    </border>
    <border>
      <left style="medium">
        <color indexed="64"/>
      </left>
      <right/>
      <top style="thin">
        <color indexed="64"/>
      </top>
      <bottom style="medium">
        <color indexed="64"/>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double">
        <color indexed="64"/>
      </bottom>
      <diagonal/>
    </border>
    <border>
      <left style="thin">
        <color indexed="64"/>
      </left>
      <right style="medium">
        <color indexed="64"/>
      </right>
      <top/>
      <bottom style="medium">
        <color indexed="64"/>
      </bottom>
      <diagonal/>
    </border>
    <border>
      <left style="thin">
        <color indexed="64"/>
      </left>
      <right style="medium">
        <color indexed="64"/>
      </right>
      <top style="thin">
        <color indexed="64"/>
      </top>
      <bottom style="double">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style="dotted">
        <color indexed="64"/>
      </top>
      <bottom style="thin">
        <color indexed="64"/>
      </bottom>
      <diagonal/>
    </border>
    <border>
      <left/>
      <right style="medium">
        <color indexed="64"/>
      </right>
      <top style="dotted">
        <color indexed="64"/>
      </top>
      <bottom/>
      <diagonal/>
    </border>
    <border>
      <left/>
      <right style="thin">
        <color indexed="64"/>
      </right>
      <top/>
      <bottom style="dotted">
        <color indexed="64"/>
      </bottom>
      <diagonal/>
    </border>
    <border>
      <left/>
      <right style="medium">
        <color indexed="64"/>
      </right>
      <top/>
      <bottom style="dotted">
        <color indexed="64"/>
      </bottom>
      <diagonal/>
    </border>
    <border>
      <left/>
      <right style="medium">
        <color indexed="64"/>
      </right>
      <top style="medium">
        <color indexed="64"/>
      </top>
      <bottom style="dotted">
        <color indexed="64"/>
      </bottom>
      <diagonal/>
    </border>
    <border>
      <left/>
      <right style="thin">
        <color indexed="64"/>
      </right>
      <top style="medium">
        <color indexed="64"/>
      </top>
      <bottom style="thin">
        <color indexed="64"/>
      </bottom>
      <diagonal/>
    </border>
    <border>
      <left style="medium">
        <color indexed="64"/>
      </left>
      <right/>
      <top/>
      <bottom style="double">
        <color indexed="64"/>
      </bottom>
      <diagonal/>
    </border>
    <border>
      <left/>
      <right style="thin">
        <color indexed="64"/>
      </right>
      <top style="medium">
        <color indexed="64"/>
      </top>
      <bottom/>
      <diagonal/>
    </border>
    <border>
      <left/>
      <right style="medium">
        <color indexed="64"/>
      </right>
      <top style="dotted">
        <color indexed="64"/>
      </top>
      <bottom style="thin">
        <color indexed="64"/>
      </bottom>
      <diagonal/>
    </border>
    <border>
      <left style="thin">
        <color indexed="64"/>
      </left>
      <right style="thin">
        <color indexed="64"/>
      </right>
      <top/>
      <bottom style="dotted">
        <color indexed="64"/>
      </bottom>
      <diagonal/>
    </border>
    <border>
      <left style="medium">
        <color indexed="64"/>
      </left>
      <right style="thin">
        <color indexed="64"/>
      </right>
      <top style="thin">
        <color indexed="64"/>
      </top>
      <bottom style="dotted">
        <color indexed="64"/>
      </bottom>
      <diagonal/>
    </border>
    <border>
      <left style="medium">
        <color indexed="64"/>
      </left>
      <right style="thin">
        <color indexed="64"/>
      </right>
      <top style="dotted">
        <color indexed="64"/>
      </top>
      <bottom/>
      <diagonal/>
    </border>
    <border>
      <left style="thin">
        <color indexed="64"/>
      </left>
      <right style="thin">
        <color indexed="64"/>
      </right>
      <top style="dotted">
        <color indexed="64"/>
      </top>
      <bottom/>
      <diagonal/>
    </border>
    <border>
      <left style="thick">
        <color rgb="FFFF0000"/>
      </left>
      <right style="thick">
        <color rgb="FFFF0000"/>
      </right>
      <top style="thick">
        <color rgb="FFFF0000"/>
      </top>
      <bottom style="thick">
        <color rgb="FFFF0000"/>
      </bottom>
      <diagonal/>
    </border>
    <border>
      <left style="thick">
        <color rgb="FFFF0000"/>
      </left>
      <right/>
      <top style="thick">
        <color rgb="FFFF0000"/>
      </top>
      <bottom style="thick">
        <color rgb="FFFF0000"/>
      </bottom>
      <diagonal/>
    </border>
    <border>
      <left/>
      <right style="thick">
        <color rgb="FFFF0000"/>
      </right>
      <top style="thick">
        <color rgb="FFFF0000"/>
      </top>
      <bottom style="thick">
        <color rgb="FFFF0000"/>
      </bottom>
      <diagonal/>
    </border>
    <border>
      <left style="thin">
        <color auto="1"/>
      </left>
      <right style="thin">
        <color auto="1"/>
      </right>
      <top style="thick">
        <color rgb="FFFF0000"/>
      </top>
      <bottom style="thick">
        <color rgb="FFFF0000"/>
      </bottom>
      <diagonal/>
    </border>
    <border>
      <left style="thick">
        <color rgb="FF006600"/>
      </left>
      <right style="thick">
        <color rgb="FF006600"/>
      </right>
      <top style="thick">
        <color rgb="FF006600"/>
      </top>
      <bottom style="thick">
        <color rgb="FF006600"/>
      </bottom>
      <diagonal/>
    </border>
    <border>
      <left style="thick">
        <color rgb="FFFF0000"/>
      </left>
      <right style="thin">
        <color indexed="64"/>
      </right>
      <top style="thick">
        <color rgb="FFFF0000"/>
      </top>
      <bottom style="thick">
        <color rgb="FFFF0000"/>
      </bottom>
      <diagonal/>
    </border>
    <border>
      <left style="thin">
        <color indexed="64"/>
      </left>
      <right style="thick">
        <color rgb="FFFF0000"/>
      </right>
      <top style="thick">
        <color rgb="FFFF0000"/>
      </top>
      <bottom style="thick">
        <color rgb="FFFF0000"/>
      </bottom>
      <diagonal/>
    </border>
    <border>
      <left style="thick">
        <color rgb="FFFF0000"/>
      </left>
      <right style="thick">
        <color rgb="FFFF0000"/>
      </right>
      <top style="thick">
        <color rgb="FFFF0000"/>
      </top>
      <bottom/>
      <diagonal/>
    </border>
    <border>
      <left style="thick">
        <color rgb="FF0033CC"/>
      </left>
      <right style="medium">
        <color indexed="64"/>
      </right>
      <top style="thick">
        <color rgb="FF0033CC"/>
      </top>
      <bottom style="thick">
        <color rgb="FF0033CC"/>
      </bottom>
      <diagonal/>
    </border>
    <border>
      <left style="thick">
        <color rgb="FFFF0000"/>
      </left>
      <right style="thick">
        <color rgb="FFFF0000"/>
      </right>
      <top style="thick">
        <color rgb="FFFF0000"/>
      </top>
      <bottom style="medium">
        <color rgb="FFFF0000"/>
      </bottom>
      <diagonal/>
    </border>
    <border>
      <left style="thick">
        <color rgb="FFFF0000"/>
      </left>
      <right style="thick">
        <color rgb="FFFF0000"/>
      </right>
      <top style="medium">
        <color rgb="FFFF0000"/>
      </top>
      <bottom style="medium">
        <color rgb="FFFF0000"/>
      </bottom>
      <diagonal/>
    </border>
    <border>
      <left style="thick">
        <color rgb="FFFF0000"/>
      </left>
      <right style="thick">
        <color rgb="FFFF0000"/>
      </right>
      <top style="medium">
        <color rgb="FFFF0000"/>
      </top>
      <bottom style="thick">
        <color rgb="FFFF0000"/>
      </bottom>
      <diagonal/>
    </border>
    <border>
      <left style="double">
        <color rgb="FFFF0000"/>
      </left>
      <right style="double">
        <color rgb="FFFF0000"/>
      </right>
      <top style="double">
        <color rgb="FFFF0000"/>
      </top>
      <bottom style="medium">
        <color rgb="FFFF0000"/>
      </bottom>
      <diagonal/>
    </border>
    <border>
      <left style="double">
        <color rgb="FFFF0000"/>
      </left>
      <right style="double">
        <color rgb="FFFF0000"/>
      </right>
      <top style="medium">
        <color rgb="FFFF0000"/>
      </top>
      <bottom style="medium">
        <color rgb="FFFF0000"/>
      </bottom>
      <diagonal/>
    </border>
    <border>
      <left style="double">
        <color rgb="FFFF0000"/>
      </left>
      <right style="double">
        <color rgb="FFFF0000"/>
      </right>
      <top style="medium">
        <color rgb="FFFF0000"/>
      </top>
      <bottom style="double">
        <color rgb="FFFF0000"/>
      </bottom>
      <diagonal/>
    </border>
    <border>
      <left style="thick">
        <color rgb="FFFF0000"/>
      </left>
      <right style="thick">
        <color rgb="FFFF0000"/>
      </right>
      <top style="thin">
        <color auto="1"/>
      </top>
      <bottom/>
      <diagonal/>
    </border>
    <border>
      <left style="thick">
        <color rgb="FFFF0000"/>
      </left>
      <right style="thick">
        <color rgb="FFFF0000"/>
      </right>
      <top/>
      <bottom/>
      <diagonal/>
    </border>
    <border>
      <left style="thick">
        <color rgb="FFFF0000"/>
      </left>
      <right style="thick">
        <color rgb="FFFF0000"/>
      </right>
      <top/>
      <bottom style="medium">
        <color indexed="64"/>
      </bottom>
      <diagonal/>
    </border>
    <border>
      <left style="thick">
        <color rgb="FFFF0000"/>
      </left>
      <right style="thin">
        <color indexed="64"/>
      </right>
      <top style="thin">
        <color indexed="64"/>
      </top>
      <bottom style="thin">
        <color auto="1"/>
      </bottom>
      <diagonal/>
    </border>
    <border>
      <left/>
      <right style="thick">
        <color rgb="FF006600"/>
      </right>
      <top style="thin">
        <color indexed="64"/>
      </top>
      <bottom style="medium">
        <color indexed="64"/>
      </bottom>
      <diagonal/>
    </border>
    <border>
      <left style="medium">
        <color indexed="64"/>
      </left>
      <right/>
      <top/>
      <bottom style="thin">
        <color indexed="64"/>
      </bottom>
      <diagonal/>
    </border>
    <border>
      <left/>
      <right style="thin">
        <color indexed="64"/>
      </right>
      <top style="medium">
        <color indexed="64"/>
      </top>
      <bottom style="medium">
        <color indexed="64"/>
      </bottom>
      <diagonal/>
    </border>
    <border>
      <left/>
      <right style="thick">
        <color rgb="FFFF0000"/>
      </right>
      <top style="medium">
        <color indexed="64"/>
      </top>
      <bottom/>
      <diagonal/>
    </border>
    <border>
      <left/>
      <right/>
      <top style="thick">
        <color rgb="FFFF0000"/>
      </top>
      <bottom style="thick">
        <color rgb="FFFF0000"/>
      </bottom>
      <diagonal/>
    </border>
    <border>
      <left style="thin">
        <color indexed="64"/>
      </left>
      <right style="thick">
        <color rgb="FFFF0000"/>
      </right>
      <top style="thin">
        <color indexed="64"/>
      </top>
      <bottom/>
      <diagonal/>
    </border>
    <border>
      <left/>
      <right/>
      <top style="thin">
        <color theme="1"/>
      </top>
      <bottom style="thin">
        <color indexed="64"/>
      </bottom>
      <diagonal/>
    </border>
    <border>
      <left/>
      <right style="medium">
        <color indexed="64"/>
      </right>
      <top style="thin">
        <color theme="1"/>
      </top>
      <bottom style="thin">
        <color indexed="64"/>
      </bottom>
      <diagonal/>
    </border>
    <border>
      <left/>
      <right style="thin">
        <color theme="1"/>
      </right>
      <top style="thin">
        <color theme="1"/>
      </top>
      <bottom style="thin">
        <color theme="1"/>
      </bottom>
      <diagonal/>
    </border>
    <border>
      <left/>
      <right/>
      <top style="thin">
        <color theme="1"/>
      </top>
      <bottom style="thin">
        <color theme="1"/>
      </bottom>
      <diagonal/>
    </border>
    <border>
      <left style="thin">
        <color theme="1"/>
      </left>
      <right/>
      <top style="thick">
        <color rgb="FFFF0000"/>
      </top>
      <bottom/>
      <diagonal/>
    </border>
    <border>
      <left/>
      <right/>
      <top style="thin">
        <color indexed="64"/>
      </top>
      <bottom style="thick">
        <color indexed="64"/>
      </bottom>
      <diagonal/>
    </border>
    <border>
      <left/>
      <right style="thin">
        <color indexed="64"/>
      </right>
      <top style="thin">
        <color indexed="64"/>
      </top>
      <bottom style="thick">
        <color indexed="64"/>
      </bottom>
      <diagonal/>
    </border>
    <border>
      <left style="thick">
        <color rgb="FFFF0000"/>
      </left>
      <right style="thick">
        <color rgb="FFFF0000"/>
      </right>
      <top/>
      <bottom style="thick">
        <color rgb="FFFF0000"/>
      </bottom>
      <diagonal/>
    </border>
  </borders>
  <cellStyleXfs count="64">
    <xf numFmtId="0" fontId="0" fillId="0" borderId="0"/>
    <xf numFmtId="0" fontId="9" fillId="2" borderId="0" applyNumberFormat="0" applyBorder="0" applyAlignment="0" applyProtection="0">
      <alignment vertical="center"/>
    </xf>
    <xf numFmtId="0" fontId="9" fillId="3" borderId="0" applyNumberFormat="0" applyBorder="0" applyAlignment="0" applyProtection="0">
      <alignment vertical="center"/>
    </xf>
    <xf numFmtId="0" fontId="9" fillId="4" borderId="0" applyNumberFormat="0" applyBorder="0" applyAlignment="0" applyProtection="0">
      <alignment vertical="center"/>
    </xf>
    <xf numFmtId="0" fontId="9" fillId="5" borderId="0" applyNumberFormat="0" applyBorder="0" applyAlignment="0" applyProtection="0">
      <alignment vertical="center"/>
    </xf>
    <xf numFmtId="0" fontId="9" fillId="6" borderId="0" applyNumberFormat="0" applyBorder="0" applyAlignment="0" applyProtection="0">
      <alignment vertical="center"/>
    </xf>
    <xf numFmtId="0" fontId="9" fillId="7" borderId="0" applyNumberFormat="0" applyBorder="0" applyAlignment="0" applyProtection="0">
      <alignment vertical="center"/>
    </xf>
    <xf numFmtId="0" fontId="9" fillId="8" borderId="0" applyNumberFormat="0" applyBorder="0" applyAlignment="0" applyProtection="0">
      <alignment vertical="center"/>
    </xf>
    <xf numFmtId="0" fontId="9" fillId="9" borderId="0" applyNumberFormat="0" applyBorder="0" applyAlignment="0" applyProtection="0">
      <alignment vertical="center"/>
    </xf>
    <xf numFmtId="0" fontId="9" fillId="10" borderId="0" applyNumberFormat="0" applyBorder="0" applyAlignment="0" applyProtection="0">
      <alignment vertical="center"/>
    </xf>
    <xf numFmtId="0" fontId="9" fillId="5" borderId="0" applyNumberFormat="0" applyBorder="0" applyAlignment="0" applyProtection="0">
      <alignment vertical="center"/>
    </xf>
    <xf numFmtId="0" fontId="9" fillId="8" borderId="0" applyNumberFormat="0" applyBorder="0" applyAlignment="0" applyProtection="0">
      <alignment vertical="center"/>
    </xf>
    <xf numFmtId="0" fontId="9" fillId="11" borderId="0" applyNumberFormat="0" applyBorder="0" applyAlignment="0" applyProtection="0">
      <alignment vertical="center"/>
    </xf>
    <xf numFmtId="0" fontId="10" fillId="12"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5" borderId="0" applyNumberFormat="0" applyBorder="0" applyAlignment="0" applyProtection="0">
      <alignment vertical="center"/>
    </xf>
    <xf numFmtId="0" fontId="10" fillId="16" borderId="0" applyNumberFormat="0" applyBorder="0" applyAlignment="0" applyProtection="0">
      <alignment vertical="center"/>
    </xf>
    <xf numFmtId="0" fontId="10" fillId="17" borderId="0" applyNumberFormat="0" applyBorder="0" applyAlignment="0" applyProtection="0">
      <alignment vertical="center"/>
    </xf>
    <xf numFmtId="0" fontId="10" fillId="18"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9" borderId="0" applyNumberFormat="0" applyBorder="0" applyAlignment="0" applyProtection="0">
      <alignment vertical="center"/>
    </xf>
    <xf numFmtId="0" fontId="11" fillId="0" borderId="0" applyNumberFormat="0" applyFill="0" applyBorder="0" applyAlignment="0" applyProtection="0">
      <alignment vertical="center"/>
    </xf>
    <xf numFmtId="0" fontId="12" fillId="20" borderId="1" applyNumberFormat="0" applyAlignment="0" applyProtection="0">
      <alignment vertical="center"/>
    </xf>
    <xf numFmtId="0" fontId="13" fillId="21" borderId="0" applyNumberFormat="0" applyBorder="0" applyAlignment="0" applyProtection="0">
      <alignment vertical="center"/>
    </xf>
    <xf numFmtId="0" fontId="6" fillId="22" borderId="2" applyNumberFormat="0" applyFont="0" applyAlignment="0" applyProtection="0">
      <alignment vertical="center"/>
    </xf>
    <xf numFmtId="0" fontId="51" fillId="22" borderId="2" applyNumberFormat="0" applyFont="0" applyAlignment="0" applyProtection="0">
      <alignment vertical="center"/>
    </xf>
    <xf numFmtId="0" fontId="14" fillId="0" borderId="3" applyNumberFormat="0" applyFill="0" applyAlignment="0" applyProtection="0">
      <alignment vertical="center"/>
    </xf>
    <xf numFmtId="0" fontId="15" fillId="3" borderId="0" applyNumberFormat="0" applyBorder="0" applyAlignment="0" applyProtection="0">
      <alignment vertical="center"/>
    </xf>
    <xf numFmtId="0" fontId="16" fillId="23" borderId="4" applyNumberFormat="0" applyAlignment="0" applyProtection="0">
      <alignment vertical="center"/>
    </xf>
    <xf numFmtId="0" fontId="17" fillId="0" borderId="0" applyNumberFormat="0" applyFill="0" applyBorder="0" applyAlignment="0" applyProtection="0">
      <alignment vertical="center"/>
    </xf>
    <xf numFmtId="38" fontId="6" fillId="0" borderId="0" applyFont="0" applyFill="0" applyBorder="0" applyAlignment="0" applyProtection="0"/>
    <xf numFmtId="0" fontId="18" fillId="0" borderId="5" applyNumberFormat="0" applyFill="0" applyAlignment="0" applyProtection="0">
      <alignment vertical="center"/>
    </xf>
    <xf numFmtId="0" fontId="19" fillId="0" borderId="6" applyNumberFormat="0" applyFill="0" applyAlignment="0" applyProtection="0">
      <alignment vertical="center"/>
    </xf>
    <xf numFmtId="0" fontId="20" fillId="0" borderId="7" applyNumberFormat="0" applyFill="0" applyAlignment="0" applyProtection="0">
      <alignment vertical="center"/>
    </xf>
    <xf numFmtId="0" fontId="20" fillId="0" borderId="0" applyNumberFormat="0" applyFill="0" applyBorder="0" applyAlignment="0" applyProtection="0">
      <alignment vertical="center"/>
    </xf>
    <xf numFmtId="0" fontId="21" fillId="0" borderId="8" applyNumberFormat="0" applyFill="0" applyAlignment="0" applyProtection="0">
      <alignment vertical="center"/>
    </xf>
    <xf numFmtId="0" fontId="22" fillId="23" borderId="9" applyNumberFormat="0" applyAlignment="0" applyProtection="0">
      <alignment vertical="center"/>
    </xf>
    <xf numFmtId="0" fontId="23" fillId="0" borderId="0" applyNumberFormat="0" applyFill="0" applyBorder="0" applyAlignment="0" applyProtection="0">
      <alignment vertical="center"/>
    </xf>
    <xf numFmtId="0" fontId="24" fillId="7" borderId="4" applyNumberFormat="0" applyAlignment="0" applyProtection="0">
      <alignment vertical="center"/>
    </xf>
    <xf numFmtId="0" fontId="6" fillId="0" borderId="0"/>
    <xf numFmtId="0" fontId="51" fillId="0" borderId="0"/>
    <xf numFmtId="0" fontId="6" fillId="0" borderId="0"/>
    <xf numFmtId="0" fontId="51" fillId="0" borderId="0"/>
    <xf numFmtId="0" fontId="6" fillId="0" borderId="0"/>
    <xf numFmtId="0" fontId="51" fillId="0" borderId="0"/>
    <xf numFmtId="0" fontId="6" fillId="0" borderId="0"/>
    <xf numFmtId="0" fontId="51" fillId="0" borderId="0"/>
    <xf numFmtId="0" fontId="6" fillId="0" borderId="0"/>
    <xf numFmtId="0" fontId="51" fillId="0" borderId="0"/>
    <xf numFmtId="0" fontId="6" fillId="0" borderId="0">
      <alignment vertical="center"/>
    </xf>
    <xf numFmtId="0" fontId="6" fillId="0" borderId="0"/>
    <xf numFmtId="0" fontId="6" fillId="0" borderId="0">
      <alignment vertical="center"/>
    </xf>
    <xf numFmtId="0" fontId="25" fillId="4" borderId="0" applyNumberFormat="0" applyBorder="0" applyAlignment="0" applyProtection="0">
      <alignment vertical="center"/>
    </xf>
    <xf numFmtId="0" fontId="6" fillId="0" borderId="0"/>
    <xf numFmtId="0" fontId="5" fillId="0" borderId="0">
      <alignment vertical="center"/>
    </xf>
    <xf numFmtId="0" fontId="6" fillId="0" borderId="0"/>
    <xf numFmtId="0" fontId="4" fillId="0" borderId="0">
      <alignment vertical="center"/>
    </xf>
    <xf numFmtId="0" fontId="113" fillId="0" borderId="0" applyNumberFormat="0" applyFill="0" applyBorder="0" applyAlignment="0" applyProtection="0"/>
    <xf numFmtId="38" fontId="3" fillId="0" borderId="0" applyFont="0" applyFill="0" applyBorder="0" applyAlignment="0" applyProtection="0">
      <alignment vertical="center"/>
    </xf>
    <xf numFmtId="0" fontId="3" fillId="0" borderId="0">
      <alignment vertical="center"/>
    </xf>
  </cellStyleXfs>
  <cellXfs count="1689">
    <xf numFmtId="0" fontId="0" fillId="0" borderId="0" xfId="0"/>
    <xf numFmtId="0" fontId="0" fillId="0" borderId="0" xfId="0" applyAlignment="1">
      <alignment horizontal="center" vertical="center"/>
    </xf>
    <xf numFmtId="0" fontId="0" fillId="0" borderId="0" xfId="0" applyAlignment="1">
      <alignment vertical="center"/>
    </xf>
    <xf numFmtId="0" fontId="8" fillId="0" borderId="0" xfId="0" applyFont="1"/>
    <xf numFmtId="0" fontId="26" fillId="0" borderId="0" xfId="55" applyFont="1" applyAlignment="1">
      <alignment vertical="center" wrapText="1"/>
    </xf>
    <xf numFmtId="0" fontId="10" fillId="0" borderId="0" xfId="55" applyFont="1">
      <alignment vertical="center"/>
    </xf>
    <xf numFmtId="0" fontId="6" fillId="0" borderId="0" xfId="55">
      <alignment vertical="center"/>
    </xf>
    <xf numFmtId="0" fontId="28" fillId="0" borderId="0" xfId="55" applyFont="1" applyAlignment="1">
      <alignment horizontal="justify" vertical="center"/>
    </xf>
    <xf numFmtId="0" fontId="6" fillId="0" borderId="10" xfId="55" applyBorder="1" applyAlignment="1">
      <alignment horizontal="left" vertical="center"/>
    </xf>
    <xf numFmtId="0" fontId="35" fillId="0" borderId="0" xfId="0" applyFont="1"/>
    <xf numFmtId="0" fontId="28" fillId="0" borderId="0" xfId="0" applyFont="1"/>
    <xf numFmtId="0" fontId="35" fillId="0" borderId="0" xfId="0" applyFont="1" applyAlignment="1">
      <alignment vertical="center"/>
    </xf>
    <xf numFmtId="0" fontId="36" fillId="0" borderId="11" xfId="0" applyFont="1" applyBorder="1" applyAlignment="1">
      <alignment horizontal="center" vertical="center" wrapText="1"/>
    </xf>
    <xf numFmtId="0" fontId="0" fillId="0" borderId="12" xfId="0" applyBorder="1" applyAlignment="1">
      <alignment horizontal="center" wrapText="1"/>
    </xf>
    <xf numFmtId="0" fontId="6" fillId="0" borderId="0" xfId="45"/>
    <xf numFmtId="0" fontId="27" fillId="0" borderId="0" xfId="45" applyFont="1" applyAlignment="1">
      <alignment horizontal="center" vertical="center"/>
    </xf>
    <xf numFmtId="0" fontId="37" fillId="0" borderId="0" xfId="45" applyFont="1" applyAlignment="1">
      <alignment vertical="center"/>
    </xf>
    <xf numFmtId="0" fontId="6" fillId="24" borderId="13" xfId="45" applyFill="1" applyBorder="1" applyAlignment="1">
      <alignment horizontal="left" vertical="center"/>
    </xf>
    <xf numFmtId="0" fontId="6" fillId="0" borderId="0" xfId="45" applyAlignment="1">
      <alignment vertical="center"/>
    </xf>
    <xf numFmtId="0" fontId="6" fillId="24" borderId="14" xfId="45" applyFill="1" applyBorder="1" applyAlignment="1">
      <alignment vertical="center"/>
    </xf>
    <xf numFmtId="0" fontId="6" fillId="24" borderId="15" xfId="45" applyFill="1" applyBorder="1" applyAlignment="1">
      <alignment vertical="center"/>
    </xf>
    <xf numFmtId="0" fontId="6" fillId="0" borderId="0" xfId="47"/>
    <xf numFmtId="0" fontId="27" fillId="0" borderId="0" xfId="47" applyFont="1" applyAlignment="1">
      <alignment horizontal="center" vertical="center"/>
    </xf>
    <xf numFmtId="0" fontId="37" fillId="0" borderId="0" xfId="47" applyFont="1" applyAlignment="1">
      <alignment vertical="center"/>
    </xf>
    <xf numFmtId="0" fontId="9" fillId="24" borderId="16" xfId="47" applyFont="1" applyFill="1" applyBorder="1" applyAlignment="1">
      <alignment vertical="center" wrapText="1"/>
    </xf>
    <xf numFmtId="0" fontId="9" fillId="0" borderId="0" xfId="47" applyFont="1" applyAlignment="1">
      <alignment vertical="center"/>
    </xf>
    <xf numFmtId="0" fontId="9" fillId="24" borderId="17" xfId="47" applyFont="1" applyFill="1" applyBorder="1" applyAlignment="1">
      <alignment vertical="center" wrapText="1"/>
    </xf>
    <xf numFmtId="0" fontId="9" fillId="0" borderId="18" xfId="47" applyFont="1" applyBorder="1" applyAlignment="1">
      <alignment horizontal="center" vertical="center"/>
    </xf>
    <xf numFmtId="0" fontId="9" fillId="0" borderId="19" xfId="47" applyFont="1" applyBorder="1" applyAlignment="1">
      <alignment horizontal="center" vertical="center"/>
    </xf>
    <xf numFmtId="0" fontId="9" fillId="0" borderId="20" xfId="47" applyFont="1" applyBorder="1" applyAlignment="1">
      <alignment vertical="center"/>
    </xf>
    <xf numFmtId="0" fontId="9" fillId="0" borderId="20" xfId="47" applyFont="1" applyBorder="1" applyAlignment="1">
      <alignment vertical="center" shrinkToFit="1"/>
    </xf>
    <xf numFmtId="176" fontId="9" fillId="0" borderId="18" xfId="47" applyNumberFormat="1" applyFont="1" applyBorder="1" applyAlignment="1">
      <alignment vertical="center"/>
    </xf>
    <xf numFmtId="0" fontId="9" fillId="0" borderId="21" xfId="47" applyFont="1" applyBorder="1" applyAlignment="1">
      <alignment horizontal="right" vertical="center"/>
    </xf>
    <xf numFmtId="0" fontId="9" fillId="0" borderId="18" xfId="47" applyFont="1" applyBorder="1" applyAlignment="1">
      <alignment vertical="center"/>
    </xf>
    <xf numFmtId="0" fontId="9" fillId="0" borderId="19" xfId="47" applyFont="1" applyBorder="1" applyAlignment="1">
      <alignment horizontal="right" vertical="center"/>
    </xf>
    <xf numFmtId="0" fontId="9" fillId="0" borderId="21" xfId="47" applyFont="1" applyBorder="1" applyAlignment="1">
      <alignment vertical="center"/>
    </xf>
    <xf numFmtId="0" fontId="9" fillId="0" borderId="22" xfId="47" applyFont="1" applyBorder="1" applyAlignment="1">
      <alignment vertical="center"/>
    </xf>
    <xf numFmtId="0" fontId="9" fillId="0" borderId="23" xfId="47" applyFont="1" applyBorder="1" applyAlignment="1">
      <alignment vertical="center"/>
    </xf>
    <xf numFmtId="0" fontId="9" fillId="0" borderId="24" xfId="47" applyFont="1" applyBorder="1" applyAlignment="1">
      <alignment vertical="center"/>
    </xf>
    <xf numFmtId="0" fontId="9" fillId="0" borderId="19" xfId="47" applyFont="1" applyBorder="1" applyAlignment="1">
      <alignment vertical="center"/>
    </xf>
    <xf numFmtId="0" fontId="9" fillId="0" borderId="18" xfId="47" applyFont="1" applyBorder="1" applyAlignment="1">
      <alignment horizontal="center" vertical="center" wrapText="1"/>
    </xf>
    <xf numFmtId="0" fontId="9" fillId="24" borderId="25" xfId="47" applyFont="1" applyFill="1" applyBorder="1" applyAlignment="1">
      <alignment vertical="center" wrapText="1"/>
    </xf>
    <xf numFmtId="0" fontId="9" fillId="0" borderId="26" xfId="47" applyFont="1" applyBorder="1" applyAlignment="1">
      <alignment vertical="center"/>
    </xf>
    <xf numFmtId="0" fontId="9" fillId="0" borderId="27" xfId="47" applyFont="1" applyBorder="1" applyAlignment="1">
      <alignment vertical="center"/>
    </xf>
    <xf numFmtId="0" fontId="9" fillId="0" borderId="28" xfId="47" applyFont="1" applyBorder="1" applyAlignment="1">
      <alignment vertical="center"/>
    </xf>
    <xf numFmtId="0" fontId="9" fillId="0" borderId="29" xfId="47" applyFont="1" applyBorder="1" applyAlignment="1">
      <alignment vertical="center"/>
    </xf>
    <xf numFmtId="0" fontId="9" fillId="0" borderId="30" xfId="47" applyFont="1" applyBorder="1" applyAlignment="1">
      <alignment vertical="center"/>
    </xf>
    <xf numFmtId="0" fontId="9" fillId="0" borderId="31" xfId="47" applyFont="1" applyBorder="1" applyAlignment="1">
      <alignment vertical="center"/>
    </xf>
    <xf numFmtId="0" fontId="9" fillId="0" borderId="10" xfId="47" applyFont="1" applyBorder="1" applyAlignment="1">
      <alignment vertical="center"/>
    </xf>
    <xf numFmtId="0" fontId="9" fillId="0" borderId="32" xfId="47" applyFont="1" applyBorder="1" applyAlignment="1">
      <alignment horizontal="right" vertical="center"/>
    </xf>
    <xf numFmtId="0" fontId="9" fillId="0" borderId="33" xfId="47" applyFont="1" applyBorder="1" applyAlignment="1">
      <alignment vertical="center"/>
    </xf>
    <xf numFmtId="0" fontId="9" fillId="0" borderId="34" xfId="47" applyFont="1" applyBorder="1" applyAlignment="1">
      <alignment horizontal="right" vertical="center"/>
    </xf>
    <xf numFmtId="0" fontId="6" fillId="0" borderId="0" xfId="49"/>
    <xf numFmtId="0" fontId="27" fillId="0" borderId="0" xfId="49" applyFont="1" applyAlignment="1">
      <alignment horizontal="center" vertical="center"/>
    </xf>
    <xf numFmtId="0" fontId="37" fillId="0" borderId="0" xfId="49" applyFont="1" applyAlignment="1">
      <alignment vertical="center"/>
    </xf>
    <xf numFmtId="3" fontId="8" fillId="0" borderId="0" xfId="0" applyNumberFormat="1" applyFont="1"/>
    <xf numFmtId="3" fontId="0" fillId="0" borderId="0" xfId="0" applyNumberFormat="1"/>
    <xf numFmtId="0" fontId="40" fillId="0" borderId="0" xfId="55" applyFont="1">
      <alignment vertical="center"/>
    </xf>
    <xf numFmtId="0" fontId="6" fillId="0" borderId="0" xfId="45" applyAlignment="1">
      <alignment horizontal="center"/>
    </xf>
    <xf numFmtId="0" fontId="32" fillId="24" borderId="35" xfId="0" applyFont="1" applyFill="1" applyBorder="1" applyAlignment="1">
      <alignment vertical="center" wrapText="1"/>
    </xf>
    <xf numFmtId="0" fontId="0" fillId="0" borderId="36" xfId="0" applyBorder="1" applyAlignment="1">
      <alignment horizontal="center"/>
    </xf>
    <xf numFmtId="0" fontId="6" fillId="0" borderId="10" xfId="49" applyBorder="1" applyAlignment="1">
      <alignment horizontal="right"/>
    </xf>
    <xf numFmtId="0" fontId="27" fillId="0" borderId="0" xfId="49" applyFont="1" applyAlignment="1">
      <alignment horizontal="centerContinuous" vertical="center"/>
    </xf>
    <xf numFmtId="0" fontId="27" fillId="0" borderId="0" xfId="0" applyFont="1" applyAlignment="1">
      <alignment horizontal="centerContinuous"/>
    </xf>
    <xf numFmtId="0" fontId="0" fillId="0" borderId="0" xfId="0" applyAlignment="1">
      <alignment horizontal="centerContinuous"/>
    </xf>
    <xf numFmtId="0" fontId="32" fillId="0" borderId="0" xfId="55" applyFont="1">
      <alignment vertical="center"/>
    </xf>
    <xf numFmtId="0" fontId="0" fillId="24" borderId="35" xfId="0" applyFill="1" applyBorder="1" applyAlignment="1">
      <alignment horizontal="center" vertical="center" wrapText="1"/>
    </xf>
    <xf numFmtId="0" fontId="32" fillId="0" borderId="0" xfId="0" applyFont="1" applyAlignment="1">
      <alignment vertical="center" wrapText="1"/>
    </xf>
    <xf numFmtId="0" fontId="0" fillId="0" borderId="0" xfId="0" applyAlignment="1">
      <alignment horizontal="centerContinuous" vertical="center"/>
    </xf>
    <xf numFmtId="3" fontId="0" fillId="0" borderId="0" xfId="0" applyNumberFormat="1" applyAlignment="1">
      <alignment horizontal="centerContinuous" vertical="center"/>
    </xf>
    <xf numFmtId="0" fontId="0" fillId="0" borderId="37" xfId="0" applyBorder="1" applyAlignment="1">
      <alignment horizontal="center" vertical="center"/>
    </xf>
    <xf numFmtId="0" fontId="0" fillId="0" borderId="38" xfId="0" applyBorder="1" applyAlignment="1">
      <alignment horizontal="center" vertical="center"/>
    </xf>
    <xf numFmtId="0" fontId="32" fillId="0" borderId="35" xfId="0" applyFont="1" applyBorder="1" applyAlignment="1">
      <alignment horizontal="center" vertical="center" wrapText="1"/>
    </xf>
    <xf numFmtId="0" fontId="6" fillId="0" borderId="0" xfId="49" applyAlignment="1">
      <alignment horizontal="center"/>
    </xf>
    <xf numFmtId="0" fontId="0" fillId="24" borderId="35" xfId="0" applyFill="1" applyBorder="1" applyAlignment="1">
      <alignment horizontal="center" vertical="center"/>
    </xf>
    <xf numFmtId="0" fontId="6" fillId="0" borderId="0" xfId="55" applyAlignment="1">
      <alignment horizontal="center" vertical="center"/>
    </xf>
    <xf numFmtId="0" fontId="6" fillId="0" borderId="0" xfId="55" applyAlignment="1">
      <alignment horizontal="left" vertical="center"/>
    </xf>
    <xf numFmtId="0" fontId="29" fillId="24" borderId="35" xfId="53" applyFont="1" applyFill="1" applyBorder="1" applyAlignment="1">
      <alignment horizontal="center" vertical="top" wrapText="1"/>
    </xf>
    <xf numFmtId="0" fontId="34" fillId="0" borderId="0" xfId="53" applyFont="1">
      <alignment vertical="center"/>
    </xf>
    <xf numFmtId="0" fontId="33" fillId="0" borderId="0" xfId="53" applyFont="1">
      <alignment vertical="center"/>
    </xf>
    <xf numFmtId="0" fontId="32" fillId="0" borderId="0" xfId="53" applyFont="1">
      <alignment vertical="center"/>
    </xf>
    <xf numFmtId="0" fontId="27" fillId="0" borderId="0" xfId="54" applyFont="1" applyAlignment="1">
      <alignment horizontal="centerContinuous" vertical="center"/>
    </xf>
    <xf numFmtId="0" fontId="6" fillId="0" borderId="0" xfId="55" applyAlignment="1">
      <alignment horizontal="centerContinuous" vertical="center"/>
    </xf>
    <xf numFmtId="0" fontId="30" fillId="24" borderId="39" xfId="53" applyFont="1" applyFill="1" applyBorder="1" applyAlignment="1">
      <alignment horizontal="center" vertical="center" wrapText="1"/>
    </xf>
    <xf numFmtId="0" fontId="30" fillId="24" borderId="40" xfId="53" applyFont="1" applyFill="1" applyBorder="1" applyAlignment="1">
      <alignment horizontal="center" vertical="center" wrapText="1"/>
    </xf>
    <xf numFmtId="0" fontId="34" fillId="24" borderId="13" xfId="0" applyFont="1" applyFill="1" applyBorder="1" applyAlignment="1">
      <alignment horizontal="center" vertical="center"/>
    </xf>
    <xf numFmtId="0" fontId="34" fillId="24" borderId="11" xfId="0" applyFont="1" applyFill="1" applyBorder="1" applyAlignment="1">
      <alignment horizontal="center" vertical="center"/>
    </xf>
    <xf numFmtId="0" fontId="34" fillId="24" borderId="17" xfId="0" applyFont="1" applyFill="1" applyBorder="1" applyAlignment="1">
      <alignment horizontal="center" vertical="center"/>
    </xf>
    <xf numFmtId="0" fontId="34" fillId="24" borderId="12" xfId="0" applyFont="1" applyFill="1" applyBorder="1" applyAlignment="1">
      <alignment horizontal="center" vertical="center"/>
    </xf>
    <xf numFmtId="0" fontId="39" fillId="0" borderId="0" xfId="55" applyFont="1">
      <alignment vertical="center"/>
    </xf>
    <xf numFmtId="0" fontId="44" fillId="0" borderId="35" xfId="0" applyFont="1" applyBorder="1" applyAlignment="1">
      <alignment horizontal="center" vertical="center" shrinkToFit="1"/>
    </xf>
    <xf numFmtId="0" fontId="44" fillId="0" borderId="35" xfId="49" applyFont="1" applyBorder="1" applyAlignment="1">
      <alignment horizontal="center" vertical="center" shrinkToFit="1"/>
    </xf>
    <xf numFmtId="0" fontId="44" fillId="0" borderId="35" xfId="45" applyFont="1" applyBorder="1" applyAlignment="1">
      <alignment horizontal="center" vertical="center" shrinkToFit="1"/>
    </xf>
    <xf numFmtId="0" fontId="44" fillId="0" borderId="35" xfId="47" applyFont="1" applyBorder="1" applyAlignment="1">
      <alignment horizontal="center" vertical="center" shrinkToFit="1"/>
    </xf>
    <xf numFmtId="0" fontId="6" fillId="0" borderId="0" xfId="49" applyAlignment="1">
      <alignment horizontal="right"/>
    </xf>
    <xf numFmtId="0" fontId="0" fillId="0" borderId="10" xfId="0" applyBorder="1"/>
    <xf numFmtId="0" fontId="6" fillId="0" borderId="0" xfId="55" applyAlignment="1">
      <alignment horizontal="right" vertical="center"/>
    </xf>
    <xf numFmtId="181" fontId="0" fillId="0" borderId="15" xfId="0" applyNumberFormat="1" applyBorder="1" applyAlignment="1" applyProtection="1">
      <alignment vertical="center"/>
      <protection locked="0"/>
    </xf>
    <xf numFmtId="0" fontId="0" fillId="0" borderId="0" xfId="0" applyAlignment="1">
      <alignment horizontal="center"/>
    </xf>
    <xf numFmtId="0" fontId="39" fillId="25" borderId="35" xfId="0" applyFont="1" applyFill="1" applyBorder="1" applyAlignment="1">
      <alignment horizontal="center" vertical="center" wrapText="1"/>
    </xf>
    <xf numFmtId="179" fontId="0" fillId="0" borderId="15" xfId="0" applyNumberFormat="1" applyBorder="1" applyAlignment="1" applyProtection="1">
      <alignment vertical="center"/>
      <protection locked="0"/>
    </xf>
    <xf numFmtId="180" fontId="0" fillId="0" borderId="41" xfId="0" applyNumberFormat="1" applyBorder="1" applyAlignment="1" applyProtection="1">
      <alignment vertical="center"/>
      <protection locked="0"/>
    </xf>
    <xf numFmtId="0" fontId="9" fillId="0" borderId="28" xfId="47" applyFont="1" applyBorder="1" applyAlignment="1">
      <alignment vertical="center" shrinkToFit="1"/>
    </xf>
    <xf numFmtId="0" fontId="32" fillId="0" borderId="35" xfId="0" applyFont="1" applyBorder="1" applyAlignment="1" applyProtection="1">
      <alignment vertical="center" wrapText="1"/>
      <protection locked="0"/>
    </xf>
    <xf numFmtId="181" fontId="0" fillId="0" borderId="42" xfId="0" applyNumberFormat="1" applyBorder="1" applyAlignment="1" applyProtection="1">
      <alignment vertical="center" wrapText="1"/>
      <protection locked="0"/>
    </xf>
    <xf numFmtId="181" fontId="0" fillId="0" borderId="43" xfId="0" applyNumberFormat="1" applyBorder="1" applyAlignment="1" applyProtection="1">
      <alignment vertical="center" wrapText="1"/>
      <protection locked="0"/>
    </xf>
    <xf numFmtId="0" fontId="29" fillId="0" borderId="44" xfId="53" applyFont="1" applyBorder="1" applyAlignment="1" applyProtection="1">
      <alignment horizontal="justify" vertical="top" wrapText="1"/>
      <protection locked="0"/>
    </xf>
    <xf numFmtId="0" fontId="29" fillId="0" borderId="39" xfId="53" applyFont="1" applyBorder="1" applyAlignment="1" applyProtection="1">
      <alignment horizontal="justify" vertical="top" wrapText="1"/>
      <protection locked="0"/>
    </xf>
    <xf numFmtId="0" fontId="29" fillId="0" borderId="40" xfId="53" applyFont="1" applyBorder="1" applyAlignment="1" applyProtection="1">
      <alignment horizontal="justify" vertical="top" wrapText="1"/>
      <protection locked="0"/>
    </xf>
    <xf numFmtId="0" fontId="33" fillId="0" borderId="44" xfId="53" applyFont="1" applyBorder="1" applyProtection="1">
      <alignment vertical="center"/>
      <protection locked="0"/>
    </xf>
    <xf numFmtId="0" fontId="33" fillId="0" borderId="39" xfId="53" applyFont="1" applyBorder="1" applyProtection="1">
      <alignment vertical="center"/>
      <protection locked="0"/>
    </xf>
    <xf numFmtId="0" fontId="33" fillId="0" borderId="40" xfId="53" applyFont="1" applyBorder="1" applyProtection="1">
      <alignment vertical="center"/>
      <protection locked="0"/>
    </xf>
    <xf numFmtId="0" fontId="39" fillId="0" borderId="35" xfId="55" applyFont="1" applyBorder="1" applyProtection="1">
      <alignment vertical="center"/>
      <protection locked="0"/>
    </xf>
    <xf numFmtId="0" fontId="6" fillId="0" borderId="20" xfId="45" applyBorder="1" applyAlignment="1" applyProtection="1">
      <alignment vertical="center"/>
      <protection locked="0"/>
    </xf>
    <xf numFmtId="0" fontId="6" fillId="0" borderId="18" xfId="45" applyBorder="1" applyAlignment="1" applyProtection="1">
      <alignment vertical="center"/>
      <protection locked="0"/>
    </xf>
    <xf numFmtId="0" fontId="6" fillId="0" borderId="21" xfId="45" applyBorder="1" applyAlignment="1" applyProtection="1">
      <alignment horizontal="right" vertical="center"/>
      <protection locked="0"/>
    </xf>
    <xf numFmtId="0" fontId="6" fillId="0" borderId="19" xfId="45" applyBorder="1" applyAlignment="1" applyProtection="1">
      <alignment horizontal="right" vertical="center"/>
      <protection locked="0"/>
    </xf>
    <xf numFmtId="0" fontId="6" fillId="24" borderId="18" xfId="45" applyFill="1" applyBorder="1" applyAlignment="1" applyProtection="1">
      <alignment vertical="center"/>
      <protection locked="0"/>
    </xf>
    <xf numFmtId="0" fontId="6" fillId="24" borderId="21" xfId="45" applyFill="1" applyBorder="1" applyAlignment="1" applyProtection="1">
      <alignment vertical="center"/>
      <protection locked="0"/>
    </xf>
    <xf numFmtId="0" fontId="6" fillId="0" borderId="18" xfId="45" applyBorder="1" applyAlignment="1" applyProtection="1">
      <alignment horizontal="right" vertical="center"/>
      <protection locked="0"/>
    </xf>
    <xf numFmtId="0" fontId="33" fillId="0" borderId="45" xfId="0" applyFont="1" applyBorder="1" applyAlignment="1" applyProtection="1">
      <alignment vertical="center"/>
      <protection locked="0"/>
    </xf>
    <xf numFmtId="0" fontId="33" fillId="0" borderId="46" xfId="0" applyFont="1" applyBorder="1" applyAlignment="1" applyProtection="1">
      <alignment vertical="center"/>
      <protection locked="0"/>
    </xf>
    <xf numFmtId="0" fontId="33" fillId="0" borderId="47" xfId="0" applyFont="1" applyBorder="1" applyAlignment="1" applyProtection="1">
      <alignment vertical="center"/>
      <protection locked="0"/>
    </xf>
    <xf numFmtId="0" fontId="34" fillId="0" borderId="10" xfId="0" applyFont="1" applyBorder="1" applyAlignment="1" applyProtection="1">
      <alignment vertical="center"/>
      <protection locked="0"/>
    </xf>
    <xf numFmtId="0" fontId="32" fillId="24" borderId="10" xfId="0" applyFont="1" applyFill="1" applyBorder="1" applyAlignment="1" applyProtection="1">
      <alignment vertical="center"/>
      <protection locked="0"/>
    </xf>
    <xf numFmtId="0" fontId="34" fillId="24" borderId="10" xfId="0" applyFont="1" applyFill="1" applyBorder="1" applyAlignment="1" applyProtection="1">
      <alignment vertical="center"/>
      <protection locked="0"/>
    </xf>
    <xf numFmtId="0" fontId="33" fillId="24" borderId="10" xfId="0" applyFont="1" applyFill="1" applyBorder="1" applyAlignment="1" applyProtection="1">
      <alignment vertical="center"/>
      <protection locked="0"/>
    </xf>
    <xf numFmtId="0" fontId="33" fillId="24" borderId="34" xfId="0" applyFont="1" applyFill="1" applyBorder="1" applyAlignment="1" applyProtection="1">
      <alignment vertical="center"/>
      <protection locked="0"/>
    </xf>
    <xf numFmtId="0" fontId="34" fillId="0" borderId="18" xfId="0" applyFont="1" applyBorder="1" applyAlignment="1" applyProtection="1">
      <alignment vertical="center"/>
      <protection locked="0"/>
    </xf>
    <xf numFmtId="0" fontId="33" fillId="0" borderId="18" xfId="0" applyFont="1" applyBorder="1" applyAlignment="1" applyProtection="1">
      <alignment vertical="center"/>
      <protection locked="0"/>
    </xf>
    <xf numFmtId="0" fontId="33" fillId="0" borderId="21" xfId="0" applyFont="1" applyBorder="1" applyAlignment="1" applyProtection="1">
      <alignment vertical="center"/>
      <protection locked="0"/>
    </xf>
    <xf numFmtId="0" fontId="34" fillId="0" borderId="20" xfId="0" applyFont="1" applyBorder="1" applyAlignment="1" applyProtection="1">
      <alignment vertical="center"/>
      <protection locked="0"/>
    </xf>
    <xf numFmtId="0" fontId="33" fillId="0" borderId="19" xfId="0" applyFont="1" applyBorder="1" applyAlignment="1" applyProtection="1">
      <alignment vertical="center"/>
      <protection locked="0"/>
    </xf>
    <xf numFmtId="0" fontId="34" fillId="0" borderId="48" xfId="0" applyFont="1" applyBorder="1" applyAlignment="1" applyProtection="1">
      <alignment vertical="center"/>
      <protection locked="0"/>
    </xf>
    <xf numFmtId="0" fontId="33" fillId="0" borderId="49" xfId="0" applyFont="1" applyBorder="1" applyAlignment="1" applyProtection="1">
      <alignment vertical="center"/>
      <protection locked="0"/>
    </xf>
    <xf numFmtId="0" fontId="33" fillId="0" borderId="50" xfId="0" applyFont="1" applyBorder="1" applyAlignment="1" applyProtection="1">
      <alignment vertical="center"/>
      <protection locked="0"/>
    </xf>
    <xf numFmtId="0" fontId="34" fillId="0" borderId="49" xfId="0" applyFont="1" applyBorder="1" applyAlignment="1" applyProtection="1">
      <alignment vertical="center"/>
      <protection locked="0"/>
    </xf>
    <xf numFmtId="0" fontId="33" fillId="0" borderId="51" xfId="0" applyFont="1" applyBorder="1" applyAlignment="1" applyProtection="1">
      <alignment vertical="center"/>
      <protection locked="0"/>
    </xf>
    <xf numFmtId="0" fontId="34" fillId="0" borderId="52" xfId="0" applyFont="1" applyBorder="1" applyAlignment="1" applyProtection="1">
      <alignment vertical="center"/>
      <protection locked="0"/>
    </xf>
    <xf numFmtId="0" fontId="33" fillId="0" borderId="53" xfId="0" applyFont="1" applyBorder="1" applyAlignment="1" applyProtection="1">
      <alignment vertical="center"/>
      <protection locked="0"/>
    </xf>
    <xf numFmtId="0" fontId="34" fillId="0" borderId="54" xfId="0" applyFont="1" applyBorder="1" applyAlignment="1" applyProtection="1">
      <alignment horizontal="left" vertical="center"/>
      <protection locked="0"/>
    </xf>
    <xf numFmtId="0" fontId="34" fillId="0" borderId="53" xfId="0" applyFont="1" applyBorder="1" applyAlignment="1" applyProtection="1">
      <alignment vertical="center"/>
      <protection locked="0"/>
    </xf>
    <xf numFmtId="0" fontId="34" fillId="0" borderId="55" xfId="0" applyFont="1" applyBorder="1" applyAlignment="1" applyProtection="1">
      <alignment horizontal="left" vertical="center"/>
      <protection locked="0"/>
    </xf>
    <xf numFmtId="0" fontId="34" fillId="0" borderId="53" xfId="0" applyFont="1" applyBorder="1" applyAlignment="1" applyProtection="1">
      <alignment horizontal="right" vertical="center"/>
      <protection locked="0"/>
    </xf>
    <xf numFmtId="0" fontId="34" fillId="0" borderId="56" xfId="0" applyFont="1" applyBorder="1" applyAlignment="1" applyProtection="1">
      <alignment horizontal="left" vertical="center"/>
      <protection locked="0"/>
    </xf>
    <xf numFmtId="0" fontId="34" fillId="0" borderId="53" xfId="0" applyFont="1" applyBorder="1" applyAlignment="1" applyProtection="1">
      <alignment horizontal="left" vertical="center"/>
      <protection locked="0"/>
    </xf>
    <xf numFmtId="0" fontId="32" fillId="0" borderId="55" xfId="0" applyFont="1" applyBorder="1" applyAlignment="1" applyProtection="1">
      <alignment horizontal="left" vertical="center"/>
      <protection locked="0"/>
    </xf>
    <xf numFmtId="0" fontId="34" fillId="0" borderId="57" xfId="0" applyFont="1" applyBorder="1" applyAlignment="1" applyProtection="1">
      <alignment vertical="center"/>
      <protection locked="0"/>
    </xf>
    <xf numFmtId="0" fontId="34" fillId="0" borderId="23" xfId="0" applyFont="1" applyBorder="1" applyAlignment="1" applyProtection="1">
      <alignment horizontal="right" vertical="center"/>
      <protection locked="0"/>
    </xf>
    <xf numFmtId="0" fontId="33" fillId="0" borderId="23" xfId="0" applyFont="1" applyBorder="1" applyAlignment="1" applyProtection="1">
      <alignment vertical="center"/>
      <protection locked="0"/>
    </xf>
    <xf numFmtId="0" fontId="34" fillId="0" borderId="23" xfId="0" applyFont="1" applyBorder="1" applyAlignment="1" applyProtection="1">
      <alignment horizontal="left" vertical="center"/>
      <protection locked="0"/>
    </xf>
    <xf numFmtId="0" fontId="33" fillId="0" borderId="23" xfId="0" applyFont="1" applyBorder="1" applyAlignment="1" applyProtection="1">
      <alignment horizontal="right" vertical="center"/>
      <protection locked="0"/>
    </xf>
    <xf numFmtId="0" fontId="33" fillId="0" borderId="24" xfId="0" applyFont="1" applyBorder="1" applyAlignment="1" applyProtection="1">
      <alignment vertical="center"/>
      <protection locked="0"/>
    </xf>
    <xf numFmtId="0" fontId="33" fillId="0" borderId="58" xfId="0" applyFont="1" applyBorder="1" applyAlignment="1" applyProtection="1">
      <alignment vertical="center"/>
      <protection locked="0"/>
    </xf>
    <xf numFmtId="0" fontId="33" fillId="0" borderId="59" xfId="0" applyFont="1" applyBorder="1" applyAlignment="1" applyProtection="1">
      <alignment vertical="center"/>
      <protection locked="0"/>
    </xf>
    <xf numFmtId="0" fontId="33" fillId="0" borderId="60" xfId="0" applyFont="1" applyBorder="1" applyAlignment="1" applyProtection="1">
      <alignment horizontal="left" vertical="center" shrinkToFit="1"/>
      <protection locked="0"/>
    </xf>
    <xf numFmtId="0" fontId="33" fillId="0" borderId="61" xfId="0" applyFont="1" applyBorder="1" applyAlignment="1" applyProtection="1">
      <alignment vertical="center"/>
      <protection locked="0"/>
    </xf>
    <xf numFmtId="0" fontId="33" fillId="0" borderId="62" xfId="0" applyFont="1" applyBorder="1" applyAlignment="1" applyProtection="1">
      <alignment horizontal="left" vertical="center" shrinkToFit="1"/>
      <protection locked="0"/>
    </xf>
    <xf numFmtId="0" fontId="33" fillId="0" borderId="55" xfId="0" applyFont="1" applyBorder="1" applyAlignment="1" applyProtection="1">
      <alignment horizontal="left" vertical="center"/>
      <protection locked="0"/>
    </xf>
    <xf numFmtId="0" fontId="45" fillId="0" borderId="0" xfId="0" applyFont="1" applyAlignment="1">
      <alignment vertical="center"/>
    </xf>
    <xf numFmtId="0" fontId="46" fillId="0" borderId="0" xfId="0" applyFont="1" applyAlignment="1">
      <alignment vertical="center"/>
    </xf>
    <xf numFmtId="0" fontId="37" fillId="0" borderId="0" xfId="0" applyFont="1" applyAlignment="1">
      <alignment vertical="center"/>
    </xf>
    <xf numFmtId="0" fontId="37" fillId="0" borderId="22" xfId="0" applyFont="1" applyBorder="1" applyAlignment="1">
      <alignment vertical="center"/>
    </xf>
    <xf numFmtId="0" fontId="37" fillId="0" borderId="23" xfId="0" applyFont="1" applyBorder="1" applyAlignment="1">
      <alignment vertical="center"/>
    </xf>
    <xf numFmtId="0" fontId="37" fillId="0" borderId="63" xfId="0" applyFont="1" applyBorder="1" applyAlignment="1">
      <alignment vertical="center"/>
    </xf>
    <xf numFmtId="0" fontId="37" fillId="0" borderId="64" xfId="0" applyFont="1" applyBorder="1" applyAlignment="1">
      <alignment vertical="center"/>
    </xf>
    <xf numFmtId="0" fontId="39" fillId="0" borderId="0" xfId="0" applyFont="1" applyAlignment="1">
      <alignment vertical="center"/>
    </xf>
    <xf numFmtId="0" fontId="37" fillId="0" borderId="65" xfId="0" applyFont="1" applyBorder="1" applyAlignment="1">
      <alignment vertical="center"/>
    </xf>
    <xf numFmtId="0" fontId="37" fillId="0" borderId="33" xfId="0" applyFont="1" applyBorder="1" applyAlignment="1">
      <alignment vertical="center"/>
    </xf>
    <xf numFmtId="0" fontId="37" fillId="0" borderId="10" xfId="0" applyFont="1" applyBorder="1" applyAlignment="1">
      <alignment vertical="center"/>
    </xf>
    <xf numFmtId="0" fontId="39" fillId="0" borderId="10" xfId="0" applyFont="1" applyBorder="1" applyAlignment="1">
      <alignment vertical="center"/>
    </xf>
    <xf numFmtId="0" fontId="44" fillId="0" borderId="0" xfId="0" applyFont="1" applyAlignment="1">
      <alignment vertical="center"/>
    </xf>
    <xf numFmtId="0" fontId="33" fillId="0" borderId="0" xfId="55" applyFont="1">
      <alignment vertical="center"/>
    </xf>
    <xf numFmtId="0" fontId="50" fillId="0" borderId="0" xfId="55" applyFont="1">
      <alignment vertical="center"/>
    </xf>
    <xf numFmtId="0" fontId="9" fillId="0" borderId="29" xfId="47" applyFont="1" applyBorder="1" applyAlignment="1">
      <alignment vertical="center" shrinkToFit="1"/>
    </xf>
    <xf numFmtId="0" fontId="35" fillId="0" borderId="0" xfId="0" applyFont="1" applyAlignment="1">
      <alignment horizontal="right"/>
    </xf>
    <xf numFmtId="0" fontId="32" fillId="0" borderId="0" xfId="0" applyFont="1"/>
    <xf numFmtId="0" fontId="34" fillId="0" borderId="0" xfId="0" applyFont="1"/>
    <xf numFmtId="0" fontId="39" fillId="0" borderId="0" xfId="0" applyFont="1" applyAlignment="1">
      <alignment horizontal="center" vertical="center" wrapText="1"/>
    </xf>
    <xf numFmtId="0" fontId="39" fillId="0" borderId="0" xfId="0" applyFont="1"/>
    <xf numFmtId="0" fontId="39" fillId="0" borderId="0" xfId="0" applyFont="1" applyAlignment="1">
      <alignment horizontal="center" vertical="center"/>
    </xf>
    <xf numFmtId="0" fontId="39" fillId="26" borderId="35" xfId="0" applyFont="1" applyFill="1" applyBorder="1" applyAlignment="1">
      <alignment horizontal="center" vertical="center" wrapText="1"/>
    </xf>
    <xf numFmtId="181" fontId="0" fillId="0" borderId="0" xfId="0" applyNumberFormat="1" applyAlignment="1" applyProtection="1">
      <alignment vertical="center"/>
      <protection locked="0"/>
    </xf>
    <xf numFmtId="182" fontId="0" fillId="0" borderId="0" xfId="0" applyNumberFormat="1" applyAlignment="1" applyProtection="1">
      <alignment vertical="center"/>
      <protection locked="0"/>
    </xf>
    <xf numFmtId="0" fontId="52" fillId="0" borderId="0" xfId="0" applyFont="1" applyAlignment="1">
      <alignment horizontal="left" vertical="center"/>
    </xf>
    <xf numFmtId="0" fontId="0" fillId="24" borderId="0" xfId="0" applyFill="1" applyAlignment="1">
      <alignment horizontal="center" vertical="center"/>
    </xf>
    <xf numFmtId="0" fontId="42" fillId="24" borderId="35" xfId="0" applyFont="1" applyFill="1" applyBorder="1" applyAlignment="1">
      <alignment vertical="top" textRotation="255" wrapText="1"/>
    </xf>
    <xf numFmtId="0" fontId="0" fillId="24" borderId="0" xfId="0" applyFill="1" applyAlignment="1">
      <alignment vertical="center" wrapText="1"/>
    </xf>
    <xf numFmtId="0" fontId="32" fillId="26" borderId="35" xfId="0" applyFont="1" applyFill="1" applyBorder="1" applyAlignment="1">
      <alignment vertical="center" wrapText="1"/>
    </xf>
    <xf numFmtId="3" fontId="32" fillId="26" borderId="35" xfId="0" applyNumberFormat="1" applyFont="1" applyFill="1" applyBorder="1" applyAlignment="1">
      <alignment vertical="center" wrapText="1"/>
    </xf>
    <xf numFmtId="0" fontId="0" fillId="0" borderId="68" xfId="0" applyBorder="1"/>
    <xf numFmtId="0" fontId="53" fillId="0" borderId="0" xfId="0" applyFont="1"/>
    <xf numFmtId="0" fontId="32" fillId="26" borderId="35" xfId="0" applyFont="1" applyFill="1" applyBorder="1" applyAlignment="1">
      <alignment horizontal="center" vertical="center" wrapText="1"/>
    </xf>
    <xf numFmtId="0" fontId="54" fillId="0" borderId="0" xfId="0" applyFont="1"/>
    <xf numFmtId="0" fontId="0" fillId="0" borderId="35" xfId="0" applyBorder="1" applyAlignment="1">
      <alignment horizontal="center"/>
    </xf>
    <xf numFmtId="0" fontId="0" fillId="0" borderId="35" xfId="0" applyBorder="1" applyAlignment="1">
      <alignment vertical="top" wrapText="1"/>
    </xf>
    <xf numFmtId="177" fontId="0" fillId="0" borderId="35" xfId="0" applyNumberFormat="1" applyBorder="1" applyAlignment="1">
      <alignment vertical="top" wrapText="1"/>
    </xf>
    <xf numFmtId="0" fontId="0" fillId="0" borderId="69" xfId="0" applyBorder="1" applyAlignment="1">
      <alignment horizontal="center" vertical="center"/>
    </xf>
    <xf numFmtId="0" fontId="51" fillId="0" borderId="0" xfId="0" applyFont="1"/>
    <xf numFmtId="0" fontId="0" fillId="0" borderId="0" xfId="0" applyAlignment="1">
      <alignment horizontal="center" wrapText="1"/>
    </xf>
    <xf numFmtId="0" fontId="36" fillId="0" borderId="10" xfId="0" applyFont="1" applyBorder="1" applyAlignment="1">
      <alignment horizontal="center" vertical="center" wrapText="1"/>
    </xf>
    <xf numFmtId="0" fontId="39" fillId="25" borderId="70" xfId="0" applyFont="1" applyFill="1" applyBorder="1" applyAlignment="1">
      <alignment horizontal="center" vertical="center" wrapText="1"/>
    </xf>
    <xf numFmtId="0" fontId="39" fillId="25" borderId="71" xfId="0" applyFont="1" applyFill="1" applyBorder="1" applyAlignment="1">
      <alignment horizontal="center" vertical="center" wrapText="1"/>
    </xf>
    <xf numFmtId="0" fontId="39" fillId="26" borderId="35" xfId="0" applyFont="1" applyFill="1" applyBorder="1" applyAlignment="1">
      <alignment vertical="center" wrapText="1"/>
    </xf>
    <xf numFmtId="0" fontId="6" fillId="0" borderId="0" xfId="49" applyProtection="1">
      <protection locked="0"/>
    </xf>
    <xf numFmtId="0" fontId="0" fillId="0" borderId="72" xfId="0" applyBorder="1" applyAlignment="1">
      <alignment horizontal="center" vertical="center"/>
    </xf>
    <xf numFmtId="0" fontId="56" fillId="0" borderId="0" xfId="0" applyFont="1"/>
    <xf numFmtId="0" fontId="6" fillId="0" borderId="0" xfId="0" applyFont="1" applyAlignment="1">
      <alignment shrinkToFit="1"/>
    </xf>
    <xf numFmtId="0" fontId="39" fillId="0" borderId="32" xfId="0" applyFont="1" applyBorder="1" applyAlignment="1">
      <alignment vertical="center"/>
    </xf>
    <xf numFmtId="0" fontId="39" fillId="0" borderId="65" xfId="0" applyFont="1" applyBorder="1" applyAlignment="1">
      <alignment vertical="center"/>
    </xf>
    <xf numFmtId="0" fontId="6" fillId="0" borderId="0" xfId="0" applyFont="1"/>
    <xf numFmtId="0" fontId="50" fillId="0" borderId="0" xfId="0" applyFont="1" applyAlignment="1">
      <alignment vertical="center"/>
    </xf>
    <xf numFmtId="0" fontId="37" fillId="0" borderId="0" xfId="0" applyFont="1" applyAlignment="1">
      <alignment vertical="top"/>
    </xf>
    <xf numFmtId="0" fontId="51" fillId="0" borderId="15" xfId="0" applyFont="1" applyBorder="1" applyAlignment="1">
      <alignment horizontal="center" vertical="center"/>
    </xf>
    <xf numFmtId="0" fontId="51" fillId="0" borderId="17" xfId="0" applyFont="1" applyBorder="1" applyAlignment="1">
      <alignment horizontal="center" vertical="center" wrapText="1"/>
    </xf>
    <xf numFmtId="0" fontId="51" fillId="0" borderId="15" xfId="0" applyFont="1" applyBorder="1" applyAlignment="1">
      <alignment horizontal="center" vertical="center" wrapText="1"/>
    </xf>
    <xf numFmtId="176" fontId="55" fillId="26" borderId="35" xfId="0" applyNumberFormat="1" applyFont="1" applyFill="1" applyBorder="1" applyAlignment="1">
      <alignment vertical="center" wrapText="1"/>
    </xf>
    <xf numFmtId="3" fontId="32" fillId="0" borderId="35" xfId="0" applyNumberFormat="1" applyFont="1" applyBorder="1" applyAlignment="1" applyProtection="1">
      <alignment vertical="center" wrapText="1"/>
      <protection locked="0"/>
    </xf>
    <xf numFmtId="0" fontId="32" fillId="0" borderId="35" xfId="0" applyFont="1" applyBorder="1" applyAlignment="1" applyProtection="1">
      <alignment horizontal="center" vertical="center" wrapText="1"/>
      <protection locked="0"/>
    </xf>
    <xf numFmtId="181" fontId="0" fillId="0" borderId="15" xfId="0" applyNumberFormat="1" applyBorder="1" applyAlignment="1">
      <alignment vertical="center"/>
    </xf>
    <xf numFmtId="0" fontId="47" fillId="0" borderId="0" xfId="0" applyFont="1" applyAlignment="1">
      <alignment vertical="top" wrapText="1"/>
    </xf>
    <xf numFmtId="183" fontId="0" fillId="0" borderId="15" xfId="0" applyNumberFormat="1" applyBorder="1" applyAlignment="1">
      <alignment vertical="center"/>
    </xf>
    <xf numFmtId="183" fontId="0" fillId="0" borderId="73" xfId="0" applyNumberFormat="1" applyBorder="1" applyAlignment="1">
      <alignment vertical="center"/>
    </xf>
    <xf numFmtId="183" fontId="0" fillId="0" borderId="74" xfId="0" applyNumberFormat="1" applyBorder="1" applyAlignment="1">
      <alignment vertical="center"/>
    </xf>
    <xf numFmtId="0" fontId="6" fillId="0" borderId="0" xfId="55" applyProtection="1">
      <alignment vertical="center"/>
      <protection locked="0"/>
    </xf>
    <xf numFmtId="0" fontId="39" fillId="0" borderId="0" xfId="0" applyFont="1" applyAlignment="1" applyProtection="1">
      <alignment horizontal="center" vertical="center" wrapText="1"/>
      <protection locked="0"/>
    </xf>
    <xf numFmtId="0" fontId="39" fillId="0" borderId="35" xfId="0" applyFont="1" applyBorder="1" applyAlignment="1" applyProtection="1">
      <alignment horizontal="center" vertical="center" wrapText="1"/>
      <protection locked="0"/>
    </xf>
    <xf numFmtId="0" fontId="39" fillId="0" borderId="35" xfId="0" applyFont="1" applyBorder="1" applyAlignment="1" applyProtection="1">
      <alignment vertical="center" wrapText="1"/>
      <protection locked="0"/>
    </xf>
    <xf numFmtId="176" fontId="39" fillId="0" borderId="35" xfId="0" applyNumberFormat="1" applyFont="1" applyBorder="1" applyAlignment="1" applyProtection="1">
      <alignment vertical="center" wrapText="1"/>
      <protection locked="0"/>
    </xf>
    <xf numFmtId="0" fontId="39" fillId="0" borderId="0" xfId="0" applyFont="1" applyAlignment="1" applyProtection="1">
      <alignment horizontal="center" vertical="center"/>
      <protection locked="0"/>
    </xf>
    <xf numFmtId="0" fontId="51" fillId="0" borderId="0" xfId="49" applyFont="1" applyAlignment="1">
      <alignment horizontal="centerContinuous" vertical="center"/>
    </xf>
    <xf numFmtId="0" fontId="51" fillId="0" borderId="0" xfId="49" applyFont="1" applyAlignment="1">
      <alignment vertical="center"/>
    </xf>
    <xf numFmtId="0" fontId="51" fillId="0" borderId="10" xfId="49" applyFont="1" applyBorder="1" applyAlignment="1">
      <alignment horizontal="center" vertical="center"/>
    </xf>
    <xf numFmtId="184" fontId="51" fillId="0" borderId="35" xfId="0" applyNumberFormat="1" applyFont="1" applyBorder="1" applyAlignment="1">
      <alignment horizontal="center" vertical="center" wrapText="1"/>
    </xf>
    <xf numFmtId="184" fontId="51" fillId="0" borderId="44" xfId="0" applyNumberFormat="1" applyFont="1" applyBorder="1" applyAlignment="1">
      <alignment horizontal="center" vertical="center"/>
    </xf>
    <xf numFmtId="184" fontId="51" fillId="0" borderId="39" xfId="0" applyNumberFormat="1" applyFont="1" applyBorder="1" applyAlignment="1">
      <alignment horizontal="center" vertical="center"/>
    </xf>
    <xf numFmtId="184" fontId="51" fillId="0" borderId="75" xfId="0" applyNumberFormat="1" applyFont="1" applyBorder="1" applyAlignment="1">
      <alignment horizontal="center" vertical="center"/>
    </xf>
    <xf numFmtId="184" fontId="51" fillId="0" borderId="76" xfId="0" applyNumberFormat="1" applyFont="1" applyBorder="1" applyAlignment="1">
      <alignment horizontal="center" vertical="center" wrapText="1"/>
    </xf>
    <xf numFmtId="184" fontId="51" fillId="0" borderId="73" xfId="0" applyNumberFormat="1" applyFont="1" applyBorder="1" applyAlignment="1">
      <alignment horizontal="center" vertical="center"/>
    </xf>
    <xf numFmtId="184" fontId="51" fillId="0" borderId="74" xfId="0" applyNumberFormat="1" applyFont="1" applyBorder="1" applyAlignment="1">
      <alignment horizontal="center" vertical="center"/>
    </xf>
    <xf numFmtId="184" fontId="51" fillId="0" borderId="77" xfId="0" applyNumberFormat="1" applyFont="1" applyBorder="1" applyAlignment="1">
      <alignment horizontal="center" vertical="center"/>
    </xf>
    <xf numFmtId="181" fontId="51" fillId="0" borderId="35" xfId="0" applyNumberFormat="1" applyFont="1" applyBorder="1" applyAlignment="1">
      <alignment horizontal="center" vertical="center" wrapText="1"/>
    </xf>
    <xf numFmtId="181" fontId="51" fillId="0" borderId="44" xfId="0" applyNumberFormat="1" applyFont="1" applyBorder="1" applyAlignment="1">
      <alignment horizontal="center" vertical="center"/>
    </xf>
    <xf numFmtId="181" fontId="51" fillId="0" borderId="39" xfId="0" applyNumberFormat="1" applyFont="1" applyBorder="1" applyAlignment="1">
      <alignment horizontal="center" vertical="center"/>
    </xf>
    <xf numFmtId="181" fontId="51" fillId="0" borderId="75" xfId="0" applyNumberFormat="1" applyFont="1" applyBorder="1" applyAlignment="1">
      <alignment horizontal="center" vertical="center"/>
    </xf>
    <xf numFmtId="181" fontId="51" fillId="0" borderId="76" xfId="0" applyNumberFormat="1" applyFont="1" applyBorder="1" applyAlignment="1">
      <alignment horizontal="center" vertical="center"/>
    </xf>
    <xf numFmtId="181" fontId="51" fillId="0" borderId="73" xfId="0" applyNumberFormat="1" applyFont="1" applyBorder="1" applyAlignment="1">
      <alignment horizontal="center" vertical="center"/>
    </xf>
    <xf numFmtId="181" fontId="51" fillId="0" borderId="74" xfId="0" applyNumberFormat="1" applyFont="1" applyBorder="1" applyAlignment="1">
      <alignment horizontal="center" vertical="center"/>
    </xf>
    <xf numFmtId="181" fontId="51" fillId="0" borderId="77" xfId="0" applyNumberFormat="1" applyFont="1" applyBorder="1" applyAlignment="1">
      <alignment horizontal="center" vertical="center"/>
    </xf>
    <xf numFmtId="0" fontId="0" fillId="0" borderId="0" xfId="0" applyAlignment="1">
      <alignment wrapText="1"/>
    </xf>
    <xf numFmtId="0" fontId="0" fillId="0" borderId="0" xfId="0" applyAlignment="1">
      <alignment vertical="center" wrapText="1"/>
    </xf>
    <xf numFmtId="0" fontId="44" fillId="0" borderId="35" xfId="50" applyFont="1" applyBorder="1" applyAlignment="1">
      <alignment horizontal="center" vertical="center" shrinkToFit="1"/>
    </xf>
    <xf numFmtId="0" fontId="27" fillId="0" borderId="0" xfId="50" applyFont="1" applyAlignment="1">
      <alignment horizontal="centerContinuous" vertical="center"/>
    </xf>
    <xf numFmtId="0" fontId="37" fillId="0" borderId="0" xfId="50" applyFont="1" applyAlignment="1">
      <alignment horizontal="centerContinuous" vertical="center"/>
    </xf>
    <xf numFmtId="0" fontId="37" fillId="0" borderId="0" xfId="50" applyFont="1" applyAlignment="1">
      <alignment vertical="center"/>
    </xf>
    <xf numFmtId="0" fontId="51" fillId="0" borderId="0" xfId="50" applyAlignment="1">
      <alignment horizontal="centerContinuous" vertical="center"/>
    </xf>
    <xf numFmtId="0" fontId="51" fillId="0" borderId="0" xfId="50" applyAlignment="1">
      <alignment vertical="center"/>
    </xf>
    <xf numFmtId="0" fontId="39" fillId="26" borderId="35" xfId="0" applyFont="1" applyFill="1" applyBorder="1" applyAlignment="1">
      <alignment horizontal="left" vertical="center" wrapText="1"/>
    </xf>
    <xf numFmtId="0" fontId="39" fillId="0" borderId="23" xfId="0" applyFont="1" applyBorder="1" applyAlignment="1" applyProtection="1">
      <alignment horizontal="center" vertical="center" wrapText="1"/>
      <protection locked="0"/>
    </xf>
    <xf numFmtId="0" fontId="39" fillId="0" borderId="23" xfId="0" applyFont="1" applyBorder="1" applyAlignment="1" applyProtection="1">
      <alignment vertical="center" wrapText="1"/>
      <protection locked="0"/>
    </xf>
    <xf numFmtId="0" fontId="39" fillId="0" borderId="0" xfId="0" applyFont="1" applyAlignment="1" applyProtection="1">
      <alignment vertical="center" wrapText="1"/>
      <protection locked="0"/>
    </xf>
    <xf numFmtId="0" fontId="55" fillId="26" borderId="35" xfId="0" applyFont="1" applyFill="1" applyBorder="1" applyAlignment="1">
      <alignment vertical="center" wrapText="1"/>
    </xf>
    <xf numFmtId="0" fontId="55" fillId="0" borderId="35" xfId="0" applyFont="1" applyBorder="1" applyAlignment="1" applyProtection="1">
      <alignment vertical="center" wrapText="1"/>
      <protection locked="0"/>
    </xf>
    <xf numFmtId="0" fontId="58" fillId="0" borderId="0" xfId="0" applyFont="1" applyAlignment="1">
      <alignment vertical="center"/>
    </xf>
    <xf numFmtId="0" fontId="59" fillId="0" borderId="0" xfId="0" applyFont="1" applyAlignment="1">
      <alignment vertical="center"/>
    </xf>
    <xf numFmtId="0" fontId="58" fillId="27" borderId="78" xfId="0" applyFont="1" applyFill="1" applyBorder="1" applyAlignment="1">
      <alignment vertical="center"/>
    </xf>
    <xf numFmtId="0" fontId="39" fillId="28" borderId="35" xfId="0" applyFont="1" applyFill="1" applyBorder="1" applyAlignment="1">
      <alignment horizontal="center" vertical="center"/>
    </xf>
    <xf numFmtId="0" fontId="39" fillId="0" borderId="35" xfId="0" applyFont="1" applyBorder="1" applyAlignment="1">
      <alignment vertical="center"/>
    </xf>
    <xf numFmtId="0" fontId="0" fillId="0" borderId="22" xfId="0" applyBorder="1" applyAlignment="1">
      <alignment vertical="center"/>
    </xf>
    <xf numFmtId="0" fontId="0" fillId="0" borderId="23" xfId="0" applyBorder="1" applyAlignment="1">
      <alignment vertical="center"/>
    </xf>
    <xf numFmtId="0" fontId="0" fillId="0" borderId="63" xfId="0" applyBorder="1" applyAlignment="1">
      <alignment vertical="center"/>
    </xf>
    <xf numFmtId="0" fontId="39" fillId="0" borderId="64" xfId="0" applyFont="1" applyBorder="1" applyAlignment="1">
      <alignment horizontal="center" vertical="center"/>
    </xf>
    <xf numFmtId="0" fontId="79" fillId="0" borderId="0" xfId="0" applyFont="1" applyAlignment="1">
      <alignment horizontal="left" vertical="center"/>
    </xf>
    <xf numFmtId="0" fontId="39" fillId="0" borderId="65" xfId="0" applyFont="1" applyBorder="1" applyAlignment="1">
      <alignment horizontal="center" vertical="center"/>
    </xf>
    <xf numFmtId="0" fontId="39" fillId="0" borderId="64" xfId="0" applyFont="1" applyBorder="1" applyAlignment="1">
      <alignment vertical="center"/>
    </xf>
    <xf numFmtId="0" fontId="39" fillId="0" borderId="33" xfId="0" applyFont="1" applyBorder="1" applyAlignment="1">
      <alignment vertical="center"/>
    </xf>
    <xf numFmtId="0" fontId="80" fillId="0" borderId="0" xfId="0" applyFont="1" applyAlignment="1">
      <alignment vertical="center"/>
    </xf>
    <xf numFmtId="0" fontId="81" fillId="0" borderId="0" xfId="0" applyFont="1" applyAlignment="1">
      <alignment vertical="center"/>
    </xf>
    <xf numFmtId="0" fontId="82" fillId="27" borderId="35" xfId="0" applyFont="1" applyFill="1" applyBorder="1" applyAlignment="1">
      <alignment vertical="center"/>
    </xf>
    <xf numFmtId="0" fontId="82" fillId="0" borderId="35" xfId="0" applyFont="1" applyBorder="1" applyAlignment="1">
      <alignment vertical="center"/>
    </xf>
    <xf numFmtId="0" fontId="0" fillId="0" borderId="152" xfId="0" applyBorder="1" applyAlignment="1">
      <alignment vertical="center"/>
    </xf>
    <xf numFmtId="0" fontId="0" fillId="0" borderId="153" xfId="0" applyBorder="1" applyAlignment="1">
      <alignment vertical="center"/>
    </xf>
    <xf numFmtId="0" fontId="0" fillId="0" borderId="154" xfId="0" applyBorder="1" applyAlignment="1">
      <alignment vertical="center"/>
    </xf>
    <xf numFmtId="0" fontId="58" fillId="0" borderId="155" xfId="0" applyFont="1" applyBorder="1" applyAlignment="1">
      <alignment vertical="center"/>
    </xf>
    <xf numFmtId="0" fontId="58" fillId="0" borderId="156" xfId="0" applyFont="1" applyBorder="1" applyAlignment="1">
      <alignment vertical="center"/>
    </xf>
    <xf numFmtId="0" fontId="0" fillId="0" borderId="155" xfId="0" applyBorder="1" applyAlignment="1">
      <alignment vertical="center"/>
    </xf>
    <xf numFmtId="0" fontId="80" fillId="0" borderId="156" xfId="0" applyFont="1" applyBorder="1" applyAlignment="1">
      <alignment vertical="center"/>
    </xf>
    <xf numFmtId="0" fontId="81" fillId="0" borderId="156" xfId="0" applyFont="1" applyBorder="1" applyAlignment="1">
      <alignment vertical="center"/>
    </xf>
    <xf numFmtId="0" fontId="0" fillId="0" borderId="156" xfId="0" applyBorder="1" applyAlignment="1">
      <alignment vertical="center"/>
    </xf>
    <xf numFmtId="0" fontId="0" fillId="0" borderId="157" xfId="0" applyBorder="1" applyAlignment="1">
      <alignment vertical="center"/>
    </xf>
    <xf numFmtId="0" fontId="0" fillId="0" borderId="158" xfId="0" applyBorder="1" applyAlignment="1">
      <alignment vertical="center"/>
    </xf>
    <xf numFmtId="0" fontId="80" fillId="0" borderId="158" xfId="0" applyFont="1" applyBorder="1" applyAlignment="1">
      <alignment vertical="center"/>
    </xf>
    <xf numFmtId="0" fontId="80" fillId="0" borderId="159" xfId="0" applyFont="1" applyBorder="1" applyAlignment="1">
      <alignment vertical="center"/>
    </xf>
    <xf numFmtId="0" fontId="0" fillId="0" borderId="79" xfId="0" applyBorder="1" applyAlignment="1">
      <alignment vertical="center"/>
    </xf>
    <xf numFmtId="0" fontId="0" fillId="29" borderId="0" xfId="0" applyFill="1" applyAlignment="1">
      <alignment horizontal="right" vertical="center"/>
    </xf>
    <xf numFmtId="0" fontId="58" fillId="0" borderId="80" xfId="0" applyFont="1" applyBorder="1" applyAlignment="1" applyProtection="1">
      <alignment vertical="center"/>
      <protection locked="0"/>
    </xf>
    <xf numFmtId="0" fontId="51" fillId="0" borderId="10" xfId="50" applyBorder="1" applyAlignment="1" applyProtection="1">
      <alignment vertical="center"/>
      <protection locked="0"/>
    </xf>
    <xf numFmtId="0" fontId="80" fillId="0" borderId="0" xfId="0" applyFont="1"/>
    <xf numFmtId="181" fontId="0" fillId="0" borderId="76" xfId="0" applyNumberFormat="1" applyBorder="1" applyAlignment="1" applyProtection="1">
      <alignment vertical="center"/>
      <protection locked="0"/>
    </xf>
    <xf numFmtId="0" fontId="83" fillId="0" borderId="0" xfId="49" applyFont="1" applyAlignment="1">
      <alignment horizontal="centerContinuous" vertical="center"/>
    </xf>
    <xf numFmtId="0" fontId="80" fillId="0" borderId="0" xfId="49" applyFont="1" applyAlignment="1">
      <alignment horizontal="centerContinuous" vertical="center"/>
    </xf>
    <xf numFmtId="0" fontId="80" fillId="0" borderId="0" xfId="0" applyFont="1" applyAlignment="1">
      <alignment shrinkToFit="1"/>
    </xf>
    <xf numFmtId="0" fontId="84" fillId="0" borderId="0" xfId="0" applyFont="1"/>
    <xf numFmtId="0" fontId="84" fillId="26" borderId="35" xfId="0" applyFont="1" applyFill="1" applyBorder="1" applyAlignment="1">
      <alignment horizontal="center" vertical="center" wrapText="1"/>
    </xf>
    <xf numFmtId="0" fontId="84" fillId="0" borderId="35" xfId="0" applyFont="1" applyBorder="1" applyAlignment="1" applyProtection="1">
      <alignment horizontal="center" vertical="center" wrapText="1"/>
      <protection locked="0"/>
    </xf>
    <xf numFmtId="0" fontId="80" fillId="0" borderId="0" xfId="0" applyFont="1" applyAlignment="1">
      <alignment horizontal="center" vertical="center"/>
    </xf>
    <xf numFmtId="0" fontId="39" fillId="25" borderId="35" xfId="0" applyFont="1" applyFill="1" applyBorder="1" applyAlignment="1">
      <alignment horizontal="center" vertical="top" textRotation="255" wrapText="1"/>
    </xf>
    <xf numFmtId="0" fontId="39" fillId="25" borderId="44" xfId="0" applyFont="1" applyFill="1" applyBorder="1" applyAlignment="1">
      <alignment horizontal="center" vertical="top" textRotation="255" wrapText="1"/>
    </xf>
    <xf numFmtId="0" fontId="39" fillId="25" borderId="39" xfId="0" applyFont="1" applyFill="1" applyBorder="1" applyAlignment="1">
      <alignment horizontal="center" vertical="top" textRotation="255" wrapText="1"/>
    </xf>
    <xf numFmtId="0" fontId="39" fillId="25" borderId="40" xfId="0" applyFont="1" applyFill="1" applyBorder="1" applyAlignment="1">
      <alignment horizontal="center" vertical="top" textRotation="255" wrapText="1"/>
    </xf>
    <xf numFmtId="0" fontId="39" fillId="26" borderId="44" xfId="0" applyFont="1" applyFill="1" applyBorder="1" applyAlignment="1">
      <alignment horizontal="center" vertical="center" wrapText="1"/>
    </xf>
    <xf numFmtId="0" fontId="39" fillId="26" borderId="39" xfId="0" applyFont="1" applyFill="1" applyBorder="1" applyAlignment="1">
      <alignment horizontal="center" vertical="center" wrapText="1"/>
    </xf>
    <xf numFmtId="0" fontId="39" fillId="26" borderId="40" xfId="0" applyFont="1" applyFill="1" applyBorder="1" applyAlignment="1">
      <alignment horizontal="center" vertical="center" wrapText="1"/>
    </xf>
    <xf numFmtId="0" fontId="39" fillId="0" borderId="44" xfId="0" applyFont="1" applyBorder="1" applyAlignment="1" applyProtection="1">
      <alignment horizontal="center" vertical="center" wrapText="1"/>
      <protection locked="0"/>
    </xf>
    <xf numFmtId="0" fontId="39" fillId="0" borderId="39" xfId="0" applyFont="1" applyBorder="1" applyAlignment="1" applyProtection="1">
      <alignment horizontal="center" vertical="center" wrapText="1"/>
      <protection locked="0"/>
    </xf>
    <xf numFmtId="0" fontId="39" fillId="0" borderId="40" xfId="0" applyFont="1" applyBorder="1" applyAlignment="1" applyProtection="1">
      <alignment horizontal="center" vertical="center" wrapText="1"/>
      <protection locked="0"/>
    </xf>
    <xf numFmtId="0" fontId="37" fillId="0" borderId="0" xfId="0" applyFont="1" applyAlignment="1">
      <alignment vertical="top" wrapText="1"/>
    </xf>
    <xf numFmtId="0" fontId="80" fillId="0" borderId="0" xfId="0" applyFont="1" applyAlignment="1">
      <alignment horizontal="right"/>
    </xf>
    <xf numFmtId="0" fontId="39" fillId="30" borderId="35" xfId="0" applyFont="1" applyFill="1" applyBorder="1" applyAlignment="1">
      <alignment horizontal="center" vertical="center" wrapText="1"/>
    </xf>
    <xf numFmtId="181" fontId="0" fillId="0" borderId="79" xfId="0" applyNumberFormat="1" applyBorder="1" applyAlignment="1" applyProtection="1">
      <alignment vertical="center" wrapText="1"/>
      <protection locked="0"/>
    </xf>
    <xf numFmtId="0" fontId="30" fillId="0" borderId="39" xfId="53" applyFont="1" applyBorder="1" applyAlignment="1" applyProtection="1">
      <alignment horizontal="justify" vertical="top" wrapText="1"/>
      <protection locked="0"/>
    </xf>
    <xf numFmtId="0" fontId="0" fillId="25" borderId="35" xfId="0" applyFill="1" applyBorder="1" applyAlignment="1">
      <alignment horizontal="center" vertical="center" wrapText="1"/>
    </xf>
    <xf numFmtId="0" fontId="32" fillId="26" borderId="35" xfId="0" applyFont="1" applyFill="1" applyBorder="1" applyAlignment="1">
      <alignment horizontal="center" vertical="center"/>
    </xf>
    <xf numFmtId="0" fontId="60" fillId="0" borderId="0" xfId="55" applyFont="1" applyAlignment="1">
      <alignment horizontal="justify" vertical="center"/>
    </xf>
    <xf numFmtId="0" fontId="0" fillId="0" borderId="35" xfId="0" applyBorder="1" applyAlignment="1">
      <alignment horizontal="center" vertical="center"/>
    </xf>
    <xf numFmtId="0" fontId="54" fillId="0" borderId="0" xfId="0" applyFont="1" applyAlignment="1">
      <alignment horizontal="right" vertical="top"/>
    </xf>
    <xf numFmtId="0" fontId="55" fillId="24" borderId="35" xfId="0" applyFont="1" applyFill="1" applyBorder="1" applyAlignment="1">
      <alignment vertical="top" textRotation="255" wrapText="1"/>
    </xf>
    <xf numFmtId="0" fontId="6" fillId="31" borderId="79" xfId="55" applyFill="1" applyBorder="1" applyProtection="1">
      <alignment vertical="center"/>
      <protection locked="0"/>
    </xf>
    <xf numFmtId="0" fontId="6" fillId="31" borderId="79" xfId="45" applyFill="1" applyBorder="1" applyAlignment="1" applyProtection="1">
      <alignment horizontal="center"/>
      <protection locked="0"/>
    </xf>
    <xf numFmtId="0" fontId="6" fillId="31" borderId="79" xfId="45" applyFill="1" applyBorder="1" applyAlignment="1">
      <alignment horizontal="center"/>
    </xf>
    <xf numFmtId="0" fontId="63" fillId="0" borderId="0" xfId="0" applyFont="1"/>
    <xf numFmtId="0" fontId="0" fillId="0" borderId="20" xfId="0" applyBorder="1"/>
    <xf numFmtId="0" fontId="0" fillId="0" borderId="18" xfId="0" applyBorder="1"/>
    <xf numFmtId="179" fontId="0" fillId="0" borderId="35" xfId="0" applyNumberFormat="1" applyBorder="1"/>
    <xf numFmtId="0" fontId="0" fillId="0" borderId="33" xfId="0" applyBorder="1"/>
    <xf numFmtId="179" fontId="0" fillId="0" borderId="71" xfId="0" applyNumberFormat="1" applyBorder="1"/>
    <xf numFmtId="0" fontId="0" fillId="0" borderId="81" xfId="0" applyBorder="1"/>
    <xf numFmtId="0" fontId="0" fillId="0" borderId="82" xfId="0" applyBorder="1"/>
    <xf numFmtId="179" fontId="0" fillId="0" borderId="83" xfId="0" applyNumberFormat="1" applyBorder="1"/>
    <xf numFmtId="0" fontId="39" fillId="32" borderId="35" xfId="0" applyFont="1" applyFill="1" applyBorder="1" applyAlignment="1">
      <alignment horizontal="center" vertical="center" wrapText="1"/>
    </xf>
    <xf numFmtId="0" fontId="55" fillId="32" borderId="35" xfId="0" applyFont="1" applyFill="1" applyBorder="1" applyAlignment="1">
      <alignment horizontal="center" vertical="center" wrapText="1"/>
    </xf>
    <xf numFmtId="0" fontId="84" fillId="32" borderId="35" xfId="0" applyFont="1" applyFill="1" applyBorder="1" applyAlignment="1">
      <alignment horizontal="center" vertical="center" wrapText="1"/>
    </xf>
    <xf numFmtId="0" fontId="55" fillId="32" borderId="35" xfId="0" applyFont="1" applyFill="1" applyBorder="1" applyAlignment="1">
      <alignment vertical="center" wrapText="1"/>
    </xf>
    <xf numFmtId="10" fontId="39" fillId="0" borderId="0" xfId="0" applyNumberFormat="1" applyFont="1" applyAlignment="1" applyProtection="1">
      <alignment horizontal="center" vertical="center"/>
      <protection locked="0"/>
    </xf>
    <xf numFmtId="9" fontId="39" fillId="0" borderId="0" xfId="0" applyNumberFormat="1" applyFont="1" applyAlignment="1" applyProtection="1">
      <alignment horizontal="center" vertical="center"/>
      <protection locked="0"/>
    </xf>
    <xf numFmtId="3" fontId="39" fillId="0" borderId="0" xfId="0" applyNumberFormat="1" applyFont="1" applyAlignment="1" applyProtection="1">
      <alignment horizontal="center" vertical="center"/>
      <protection locked="0"/>
    </xf>
    <xf numFmtId="9" fontId="0" fillId="0" borderId="0" xfId="0" applyNumberFormat="1" applyAlignment="1">
      <alignment horizontal="center" vertical="center"/>
    </xf>
    <xf numFmtId="0" fontId="55" fillId="25" borderId="44" xfId="0" applyFont="1" applyFill="1" applyBorder="1" applyAlignment="1">
      <alignment horizontal="center" vertical="top" textRotation="255" wrapText="1"/>
    </xf>
    <xf numFmtId="0" fontId="55" fillId="25" borderId="39" xfId="0" applyFont="1" applyFill="1" applyBorder="1" applyAlignment="1">
      <alignment horizontal="center" vertical="top" textRotation="255" wrapText="1"/>
    </xf>
    <xf numFmtId="0" fontId="39" fillId="25" borderId="40" xfId="0" applyFont="1" applyFill="1" applyBorder="1" applyAlignment="1">
      <alignment horizontal="center" vertical="center" wrapText="1"/>
    </xf>
    <xf numFmtId="0" fontId="39" fillId="26" borderId="40" xfId="0" applyFont="1" applyFill="1" applyBorder="1" applyAlignment="1">
      <alignment vertical="center" wrapText="1"/>
    </xf>
    <xf numFmtId="0" fontId="39" fillId="0" borderId="40" xfId="0" applyFont="1" applyBorder="1" applyAlignment="1" applyProtection="1">
      <alignment vertical="center" wrapText="1"/>
      <protection locked="0"/>
    </xf>
    <xf numFmtId="3" fontId="32" fillId="26" borderId="35" xfId="0" applyNumberFormat="1" applyFont="1" applyFill="1" applyBorder="1" applyAlignment="1">
      <alignment horizontal="center" vertical="center" wrapText="1"/>
    </xf>
    <xf numFmtId="3" fontId="32" fillId="0" borderId="35" xfId="0" applyNumberFormat="1" applyFont="1" applyBorder="1" applyAlignment="1" applyProtection="1">
      <alignment horizontal="center" vertical="center" wrapText="1"/>
      <protection locked="0"/>
    </xf>
    <xf numFmtId="0" fontId="85" fillId="0" borderId="0" xfId="0" applyFont="1" applyAlignment="1">
      <alignment vertical="top"/>
    </xf>
    <xf numFmtId="0" fontId="79" fillId="26" borderId="35" xfId="0" applyFont="1" applyFill="1" applyBorder="1" applyAlignment="1">
      <alignment horizontal="center" vertical="center" wrapText="1"/>
    </xf>
    <xf numFmtId="0" fontId="86" fillId="26" borderId="35" xfId="0" applyFont="1" applyFill="1" applyBorder="1" applyAlignment="1">
      <alignment horizontal="center" vertical="center" wrapText="1"/>
    </xf>
    <xf numFmtId="0" fontId="87" fillId="26" borderId="35" xfId="0" applyFont="1" applyFill="1" applyBorder="1" applyAlignment="1">
      <alignment horizontal="center" vertical="center" wrapText="1"/>
    </xf>
    <xf numFmtId="0" fontId="0" fillId="0" borderId="84" xfId="0" applyBorder="1" applyAlignment="1">
      <alignment horizontal="center" vertical="center"/>
    </xf>
    <xf numFmtId="0" fontId="0" fillId="0" borderId="85" xfId="0" applyBorder="1" applyAlignment="1">
      <alignment horizontal="center" vertical="center"/>
    </xf>
    <xf numFmtId="0" fontId="0" fillId="0" borderId="86" xfId="0" applyBorder="1" applyAlignment="1">
      <alignment horizontal="center" vertical="center"/>
    </xf>
    <xf numFmtId="0" fontId="0" fillId="0" borderId="87" xfId="0" applyBorder="1" applyAlignment="1">
      <alignment horizontal="center" vertical="center"/>
    </xf>
    <xf numFmtId="183" fontId="0" fillId="0" borderId="88" xfId="0" applyNumberFormat="1" applyBorder="1" applyAlignment="1">
      <alignment vertical="center"/>
    </xf>
    <xf numFmtId="0" fontId="0" fillId="0" borderId="0" xfId="0" applyAlignment="1">
      <alignment horizontal="right"/>
    </xf>
    <xf numFmtId="0" fontId="44" fillId="0" borderId="0" xfId="0" applyFont="1" applyAlignment="1">
      <alignment horizontal="center" vertical="center" shrinkToFit="1"/>
    </xf>
    <xf numFmtId="0" fontId="6" fillId="31" borderId="35" xfId="55" applyFill="1" applyBorder="1" applyProtection="1">
      <alignment vertical="center"/>
      <protection locked="0"/>
    </xf>
    <xf numFmtId="0" fontId="51" fillId="0" borderId="0" xfId="55" applyFont="1">
      <alignment vertical="center"/>
    </xf>
    <xf numFmtId="0" fontId="32" fillId="24" borderId="44" xfId="53" applyFont="1" applyFill="1" applyBorder="1" applyAlignment="1">
      <alignment horizontal="center" vertical="center" wrapText="1"/>
    </xf>
    <xf numFmtId="0" fontId="32" fillId="24" borderId="39" xfId="53" applyFont="1" applyFill="1" applyBorder="1" applyAlignment="1">
      <alignment horizontal="center" vertical="center" wrapText="1"/>
    </xf>
    <xf numFmtId="0" fontId="32" fillId="24" borderId="40" xfId="53" applyFont="1" applyFill="1" applyBorder="1" applyAlignment="1">
      <alignment horizontal="center" vertical="center" wrapText="1"/>
    </xf>
    <xf numFmtId="0" fontId="32" fillId="0" borderId="35" xfId="0" applyFont="1" applyBorder="1" applyAlignment="1" applyProtection="1">
      <alignment horizontal="center"/>
      <protection locked="0"/>
    </xf>
    <xf numFmtId="0" fontId="32" fillId="0" borderId="35" xfId="0" applyFont="1" applyBorder="1" applyAlignment="1">
      <alignment vertical="center" wrapText="1"/>
    </xf>
    <xf numFmtId="0" fontId="6" fillId="0" borderId="0" xfId="0" applyFont="1" applyAlignment="1">
      <alignment vertical="center"/>
    </xf>
    <xf numFmtId="0" fontId="56" fillId="0" borderId="0" xfId="0" applyFont="1" applyAlignment="1">
      <alignment vertical="center"/>
    </xf>
    <xf numFmtId="3" fontId="0" fillId="0" borderId="0" xfId="0" applyNumberFormat="1" applyAlignment="1">
      <alignment vertical="center"/>
    </xf>
    <xf numFmtId="0" fontId="0" fillId="33" borderId="35" xfId="0" applyFill="1" applyBorder="1" applyAlignment="1">
      <alignment vertical="center" textRotation="255" wrapText="1"/>
    </xf>
    <xf numFmtId="178" fontId="8" fillId="0" borderId="0" xfId="0" applyNumberFormat="1" applyFont="1"/>
    <xf numFmtId="178" fontId="0" fillId="0" borderId="0" xfId="0" applyNumberFormat="1"/>
    <xf numFmtId="178" fontId="32" fillId="26" borderId="35" xfId="0" applyNumberFormat="1" applyFont="1" applyFill="1" applyBorder="1" applyAlignment="1">
      <alignment horizontal="center" vertical="center" wrapText="1"/>
    </xf>
    <xf numFmtId="178" fontId="32" fillId="0" borderId="35" xfId="0" applyNumberFormat="1" applyFont="1" applyBorder="1" applyAlignment="1">
      <alignment vertical="center" wrapText="1"/>
    </xf>
    <xf numFmtId="186" fontId="8" fillId="0" borderId="0" xfId="0" applyNumberFormat="1" applyFont="1"/>
    <xf numFmtId="186" fontId="0" fillId="0" borderId="0" xfId="0" applyNumberFormat="1"/>
    <xf numFmtId="186" fontId="32" fillId="26" borderId="35" xfId="0" applyNumberFormat="1" applyFont="1" applyFill="1" applyBorder="1" applyAlignment="1">
      <alignment horizontal="center" vertical="center" wrapText="1"/>
    </xf>
    <xf numFmtId="186" fontId="32" fillId="0" borderId="35" xfId="0" applyNumberFormat="1" applyFont="1" applyBorder="1" applyAlignment="1">
      <alignment vertical="center" wrapText="1"/>
    </xf>
    <xf numFmtId="0" fontId="32" fillId="34" borderId="35" xfId="0" applyFont="1" applyFill="1" applyBorder="1" applyAlignment="1">
      <alignment horizontal="center" vertical="center" wrapText="1"/>
    </xf>
    <xf numFmtId="0" fontId="67" fillId="0" borderId="0" xfId="0" applyFont="1" applyAlignment="1">
      <alignment horizontal="centerContinuous"/>
    </xf>
    <xf numFmtId="3" fontId="0" fillId="25" borderId="35" xfId="0" applyNumberFormat="1" applyFill="1" applyBorder="1" applyAlignment="1">
      <alignment horizontal="center" vertical="center" wrapText="1"/>
    </xf>
    <xf numFmtId="0" fontId="55" fillId="35" borderId="35" xfId="0" applyFont="1" applyFill="1" applyBorder="1" applyAlignment="1">
      <alignment horizontal="center" vertical="top" textRotation="255" wrapText="1"/>
    </xf>
    <xf numFmtId="0" fontId="44" fillId="0" borderId="0" xfId="0" applyFont="1" applyAlignment="1">
      <alignment vertical="center" shrinkToFit="1"/>
    </xf>
    <xf numFmtId="0" fontId="32" fillId="25" borderId="35" xfId="0" applyFont="1" applyFill="1" applyBorder="1" applyAlignment="1">
      <alignment horizontal="center" vertical="center" wrapText="1"/>
    </xf>
    <xf numFmtId="0" fontId="32" fillId="0" borderId="0" xfId="0" applyFont="1" applyAlignment="1">
      <alignment horizontal="center" vertical="center" wrapText="1"/>
    </xf>
    <xf numFmtId="0" fontId="32" fillId="0" borderId="0" xfId="0" applyFont="1" applyAlignment="1" applyProtection="1">
      <alignment vertical="center" wrapText="1"/>
      <protection locked="0"/>
    </xf>
    <xf numFmtId="3" fontId="32" fillId="0" borderId="0" xfId="0" applyNumberFormat="1" applyFont="1" applyAlignment="1" applyProtection="1">
      <alignment vertical="center" wrapText="1"/>
      <protection locked="0"/>
    </xf>
    <xf numFmtId="3" fontId="32" fillId="0" borderId="0" xfId="0" applyNumberFormat="1" applyFont="1" applyAlignment="1" applyProtection="1">
      <alignment horizontal="center" vertical="center" wrapText="1"/>
      <protection locked="0"/>
    </xf>
    <xf numFmtId="0" fontId="32" fillId="0" borderId="0" xfId="0" applyFont="1" applyAlignment="1" applyProtection="1">
      <alignment horizontal="center" vertical="center"/>
      <protection locked="0"/>
    </xf>
    <xf numFmtId="0" fontId="32" fillId="0" borderId="0" xfId="0" applyFont="1" applyAlignment="1" applyProtection="1">
      <alignment horizontal="center" vertical="center" wrapText="1"/>
      <protection locked="0"/>
    </xf>
    <xf numFmtId="178" fontId="32" fillId="0" borderId="0" xfId="0" applyNumberFormat="1" applyFont="1" applyAlignment="1">
      <alignment vertical="center" wrapText="1"/>
    </xf>
    <xf numFmtId="186" fontId="32" fillId="0" borderId="0" xfId="0" applyNumberFormat="1" applyFont="1" applyAlignment="1">
      <alignment vertical="center" wrapText="1"/>
    </xf>
    <xf numFmtId="0" fontId="32" fillId="0" borderId="0" xfId="0" applyFont="1" applyAlignment="1" applyProtection="1">
      <alignment horizontal="center"/>
      <protection locked="0"/>
    </xf>
    <xf numFmtId="0" fontId="55" fillId="0" borderId="0" xfId="0" applyFont="1" applyAlignment="1" applyProtection="1">
      <alignment vertical="center" wrapText="1"/>
      <protection locked="0"/>
    </xf>
    <xf numFmtId="0" fontId="0" fillId="34" borderId="35" xfId="0" applyFill="1" applyBorder="1" applyAlignment="1">
      <alignment horizontal="center" vertical="center" wrapText="1"/>
    </xf>
    <xf numFmtId="0" fontId="32" fillId="0" borderId="35" xfId="0" applyFont="1" applyBorder="1" applyAlignment="1" applyProtection="1">
      <alignment horizontal="center" vertical="center"/>
      <protection locked="0"/>
    </xf>
    <xf numFmtId="0" fontId="0" fillId="0" borderId="0" xfId="55" applyFont="1">
      <alignment vertical="center"/>
    </xf>
    <xf numFmtId="0" fontId="36" fillId="0" borderId="23" xfId="0" applyFont="1" applyBorder="1" applyAlignment="1">
      <alignment vertical="center"/>
    </xf>
    <xf numFmtId="0" fontId="69" fillId="0" borderId="0" xfId="0" applyFont="1" applyAlignment="1">
      <alignment vertical="center"/>
    </xf>
    <xf numFmtId="0" fontId="36" fillId="0" borderId="0" xfId="0" applyFont="1" applyAlignment="1">
      <alignment vertical="center"/>
    </xf>
    <xf numFmtId="0" fontId="36" fillId="0" borderId="65" xfId="0" applyFont="1" applyBorder="1" applyAlignment="1">
      <alignment vertical="center"/>
    </xf>
    <xf numFmtId="0" fontId="36" fillId="0" borderId="10" xfId="0" applyFont="1" applyBorder="1" applyAlignment="1">
      <alignment vertical="center"/>
    </xf>
    <xf numFmtId="0" fontId="36" fillId="0" borderId="32" xfId="0" applyFont="1" applyBorder="1" applyAlignment="1">
      <alignment vertical="center"/>
    </xf>
    <xf numFmtId="0" fontId="46" fillId="0" borderId="0" xfId="0" applyFont="1" applyAlignment="1">
      <alignment vertical="top"/>
    </xf>
    <xf numFmtId="0" fontId="88" fillId="0" borderId="0" xfId="0" applyFont="1" applyAlignment="1">
      <alignment vertical="top"/>
    </xf>
    <xf numFmtId="0" fontId="89" fillId="0" borderId="0" xfId="0" applyFont="1" applyAlignment="1">
      <alignment vertical="top"/>
    </xf>
    <xf numFmtId="3" fontId="0" fillId="0" borderId="0" xfId="0" applyNumberFormat="1" applyAlignment="1">
      <alignment horizontal="left"/>
    </xf>
    <xf numFmtId="0" fontId="90" fillId="0" borderId="0" xfId="0" applyFont="1" applyAlignment="1">
      <alignment vertical="top"/>
    </xf>
    <xf numFmtId="0" fontId="44" fillId="0" borderId="0" xfId="0" applyFont="1" applyAlignment="1">
      <alignment vertical="top"/>
    </xf>
    <xf numFmtId="0" fontId="92" fillId="0" borderId="0" xfId="0" applyFont="1"/>
    <xf numFmtId="0" fontId="93" fillId="0" borderId="0" xfId="0" applyFont="1"/>
    <xf numFmtId="0" fontId="73" fillId="0" borderId="0" xfId="45" applyFont="1"/>
    <xf numFmtId="0" fontId="89" fillId="0" borderId="0" xfId="0" applyFont="1" applyAlignment="1">
      <alignment vertical="center"/>
    </xf>
    <xf numFmtId="181" fontId="0" fillId="0" borderId="89" xfId="0" applyNumberFormat="1" applyBorder="1" applyAlignment="1" applyProtection="1">
      <alignment vertical="center" wrapText="1"/>
      <protection locked="0"/>
    </xf>
    <xf numFmtId="0" fontId="41" fillId="0" borderId="0" xfId="0" applyFont="1" applyAlignment="1">
      <alignment horizontal="center" vertical="center" wrapText="1"/>
    </xf>
    <xf numFmtId="181" fontId="0" fillId="0" borderId="0" xfId="0" applyNumberFormat="1" applyAlignment="1" applyProtection="1">
      <alignment vertical="center" wrapText="1"/>
      <protection locked="0"/>
    </xf>
    <xf numFmtId="181" fontId="0" fillId="0" borderId="80" xfId="0" applyNumberFormat="1" applyBorder="1" applyAlignment="1" applyProtection="1">
      <alignment vertical="center" wrapText="1"/>
      <protection locked="0"/>
    </xf>
    <xf numFmtId="0" fontId="94" fillId="0" borderId="0" xfId="0" applyFont="1" applyAlignment="1">
      <alignment horizontal="left" vertical="center"/>
    </xf>
    <xf numFmtId="0" fontId="0" fillId="0" borderId="12" xfId="0" applyBorder="1" applyAlignment="1">
      <alignment horizontal="center" vertical="center" shrinkToFit="1"/>
    </xf>
    <xf numFmtId="0" fontId="0" fillId="0" borderId="90" xfId="0" applyBorder="1" applyAlignment="1">
      <alignment vertical="center"/>
    </xf>
    <xf numFmtId="0" fontId="0" fillId="0" borderId="91" xfId="0" applyBorder="1" applyAlignment="1">
      <alignment vertical="center"/>
    </xf>
    <xf numFmtId="0" fontId="0" fillId="0" borderId="92" xfId="0" applyBorder="1" applyAlignment="1">
      <alignment vertical="center"/>
    </xf>
    <xf numFmtId="0" fontId="0" fillId="0" borderId="93" xfId="0" applyBorder="1" applyAlignment="1">
      <alignment vertical="center"/>
    </xf>
    <xf numFmtId="0" fontId="0" fillId="0" borderId="94" xfId="0" applyBorder="1" applyAlignment="1">
      <alignment vertical="center"/>
    </xf>
    <xf numFmtId="183" fontId="0" fillId="0" borderId="77" xfId="0" applyNumberFormat="1" applyBorder="1" applyAlignment="1">
      <alignment vertical="center"/>
    </xf>
    <xf numFmtId="0" fontId="45" fillId="0" borderId="0" xfId="0" applyFont="1" applyAlignment="1">
      <alignment horizontal="center" vertical="center"/>
    </xf>
    <xf numFmtId="181" fontId="0" fillId="0" borderId="73" xfId="0" applyNumberFormat="1" applyBorder="1" applyAlignment="1">
      <alignment vertical="center"/>
    </xf>
    <xf numFmtId="181" fontId="0" fillId="0" borderId="74" xfId="0" applyNumberFormat="1" applyBorder="1" applyAlignment="1">
      <alignment vertical="center"/>
    </xf>
    <xf numFmtId="181" fontId="0" fillId="0" borderId="88" xfId="0" applyNumberFormat="1" applyBorder="1" applyAlignment="1">
      <alignment vertical="center"/>
    </xf>
    <xf numFmtId="181" fontId="0" fillId="0" borderId="77" xfId="0" applyNumberFormat="1" applyBorder="1" applyAlignment="1">
      <alignment vertical="center"/>
    </xf>
    <xf numFmtId="0" fontId="95" fillId="0" borderId="0" xfId="55" applyFont="1" applyAlignment="1">
      <alignment horizontal="left" vertical="center"/>
    </xf>
    <xf numFmtId="0" fontId="0" fillId="0" borderId="12" xfId="0" applyBorder="1" applyAlignment="1">
      <alignment horizontal="center" vertical="center" wrapText="1"/>
    </xf>
    <xf numFmtId="0" fontId="0" fillId="0" borderId="72" xfId="0" applyBorder="1" applyAlignment="1">
      <alignment horizontal="center" vertical="center" wrapText="1"/>
    </xf>
    <xf numFmtId="0" fontId="39" fillId="0" borderId="11" xfId="0" applyFont="1" applyBorder="1" applyAlignment="1">
      <alignment horizontal="center" vertical="center" wrapText="1"/>
    </xf>
    <xf numFmtId="0" fontId="0" fillId="0" borderId="71" xfId="0" applyBorder="1" applyAlignment="1">
      <alignment vertical="center" wrapText="1"/>
    </xf>
    <xf numFmtId="0" fontId="51" fillId="0" borderId="0" xfId="46" applyAlignment="1">
      <alignment vertical="center"/>
    </xf>
    <xf numFmtId="0" fontId="51" fillId="31" borderId="79" xfId="46" applyFill="1" applyBorder="1" applyAlignment="1">
      <alignment horizontal="center" vertical="center"/>
    </xf>
    <xf numFmtId="0" fontId="96" fillId="0" borderId="0" xfId="0" applyFont="1"/>
    <xf numFmtId="0" fontId="96" fillId="0" borderId="0" xfId="0" applyFont="1" applyAlignment="1">
      <alignment vertical="top"/>
    </xf>
    <xf numFmtId="0" fontId="0" fillId="0" borderId="35" xfId="55" applyFont="1" applyBorder="1" applyAlignment="1">
      <alignment vertical="center" wrapText="1"/>
    </xf>
    <xf numFmtId="9" fontId="0" fillId="0" borderId="0" xfId="0" applyNumberFormat="1"/>
    <xf numFmtId="9" fontId="32" fillId="0" borderId="0" xfId="0" applyNumberFormat="1" applyFont="1" applyAlignment="1" applyProtection="1">
      <alignment horizontal="center" vertical="center"/>
      <protection locked="0"/>
    </xf>
    <xf numFmtId="9" fontId="34" fillId="25" borderId="35" xfId="0" applyNumberFormat="1" applyFont="1" applyFill="1" applyBorder="1" applyAlignment="1">
      <alignment horizontal="center" vertical="center" textRotation="255" wrapText="1"/>
    </xf>
    <xf numFmtId="0" fontId="97" fillId="0" borderId="0" xfId="55" applyFont="1">
      <alignment vertical="center"/>
    </xf>
    <xf numFmtId="0" fontId="97" fillId="0" borderId="0" xfId="0" applyFont="1" applyAlignment="1">
      <alignment vertical="center"/>
    </xf>
    <xf numFmtId="0" fontId="32" fillId="28" borderId="35" xfId="0" applyFont="1" applyFill="1" applyBorder="1" applyAlignment="1">
      <alignment vertical="center" wrapText="1"/>
    </xf>
    <xf numFmtId="0" fontId="32" fillId="24" borderId="110" xfId="53" applyFont="1" applyFill="1" applyBorder="1" applyAlignment="1">
      <alignment horizontal="center" vertical="center" wrapText="1"/>
    </xf>
    <xf numFmtId="0" fontId="62" fillId="25" borderId="35" xfId="0" applyFont="1" applyFill="1" applyBorder="1" applyAlignment="1">
      <alignment horizontal="left" vertical="center" wrapText="1"/>
    </xf>
    <xf numFmtId="0" fontId="39" fillId="0" borderId="35" xfId="0" applyFont="1" applyBorder="1" applyAlignment="1">
      <alignment vertical="center" shrinkToFit="1"/>
    </xf>
    <xf numFmtId="38" fontId="32" fillId="0" borderId="35" xfId="34" applyFont="1" applyBorder="1" applyAlignment="1">
      <alignment vertical="center" wrapText="1"/>
    </xf>
    <xf numFmtId="38" fontId="32" fillId="28" borderId="35" xfId="34" applyFont="1" applyFill="1" applyBorder="1" applyAlignment="1">
      <alignment vertical="center" wrapText="1"/>
    </xf>
    <xf numFmtId="0" fontId="75" fillId="0" borderId="0" xfId="0" applyFont="1"/>
    <xf numFmtId="0" fontId="36" fillId="34" borderId="35" xfId="0" applyFont="1" applyFill="1" applyBorder="1" applyAlignment="1">
      <alignment vertical="top" textRotation="255" wrapText="1"/>
    </xf>
    <xf numFmtId="0" fontId="29" fillId="0" borderId="44" xfId="53" applyFont="1" applyBorder="1" applyAlignment="1" applyProtection="1">
      <alignment vertical="top" wrapText="1"/>
      <protection locked="0"/>
    </xf>
    <xf numFmtId="0" fontId="29" fillId="0" borderId="39" xfId="53" applyFont="1" applyBorder="1" applyAlignment="1" applyProtection="1">
      <alignment vertical="top" wrapText="1"/>
      <protection locked="0"/>
    </xf>
    <xf numFmtId="0" fontId="29" fillId="0" borderId="40" xfId="53" applyFont="1" applyBorder="1" applyAlignment="1" applyProtection="1">
      <alignment vertical="top" wrapText="1"/>
      <protection locked="0"/>
    </xf>
    <xf numFmtId="0" fontId="37" fillId="0" borderId="0" xfId="0" applyFont="1" applyAlignment="1">
      <alignment horizontal="center" vertical="center" shrinkToFit="1"/>
    </xf>
    <xf numFmtId="0" fontId="34" fillId="24" borderId="110" xfId="53" applyFont="1" applyFill="1" applyBorder="1" applyAlignment="1">
      <alignment horizontal="center" vertical="center" textRotation="255" wrapText="1"/>
    </xf>
    <xf numFmtId="0" fontId="42" fillId="24" borderId="110" xfId="53" applyFont="1" applyFill="1" applyBorder="1" applyAlignment="1">
      <alignment horizontal="center" vertical="center" textRotation="255" wrapText="1"/>
    </xf>
    <xf numFmtId="0" fontId="42" fillId="24" borderId="110" xfId="53" applyFont="1" applyFill="1" applyBorder="1" applyAlignment="1">
      <alignment horizontal="center" vertical="top" textRotation="255" wrapText="1"/>
    </xf>
    <xf numFmtId="0" fontId="66" fillId="0" borderId="0" xfId="0" applyFont="1"/>
    <xf numFmtId="0" fontId="0" fillId="0" borderId="78" xfId="0" applyBorder="1" applyAlignment="1">
      <alignment horizontal="center" vertical="center" wrapText="1"/>
    </xf>
    <xf numFmtId="0" fontId="0" fillId="0" borderId="129" xfId="0" applyBorder="1" applyAlignment="1">
      <alignment vertical="center" wrapText="1"/>
    </xf>
    <xf numFmtId="0" fontId="0" fillId="0" borderId="161" xfId="0" applyBorder="1" applyAlignment="1">
      <alignment vertical="center" wrapText="1"/>
    </xf>
    <xf numFmtId="0" fontId="39" fillId="0" borderId="13" xfId="0" applyFont="1" applyBorder="1" applyAlignment="1">
      <alignment horizontal="center" vertical="center" wrapText="1"/>
    </xf>
    <xf numFmtId="0" fontId="39" fillId="36" borderId="160" xfId="0" applyFont="1" applyFill="1" applyBorder="1" applyAlignment="1">
      <alignment horizontal="center" vertical="center" wrapText="1"/>
    </xf>
    <xf numFmtId="0" fontId="39" fillId="32" borderId="160" xfId="0" applyFont="1" applyFill="1" applyBorder="1" applyAlignment="1">
      <alignment horizontal="center" vertical="center" wrapText="1"/>
    </xf>
    <xf numFmtId="0" fontId="41" fillId="0" borderId="14" xfId="0" applyFont="1" applyBorder="1" applyAlignment="1">
      <alignment horizontal="center" vertical="center" wrapText="1"/>
    </xf>
    <xf numFmtId="0" fontId="41" fillId="0" borderId="163" xfId="0" applyFont="1" applyBorder="1" applyAlignment="1">
      <alignment horizontal="center" vertical="center" wrapText="1"/>
    </xf>
    <xf numFmtId="0" fontId="41" fillId="0" borderId="165" xfId="0" applyFont="1" applyBorder="1" applyAlignment="1">
      <alignment horizontal="center" vertical="center" wrapText="1"/>
    </xf>
    <xf numFmtId="0" fontId="39" fillId="36" borderId="78" xfId="0" applyFont="1" applyFill="1" applyBorder="1" applyAlignment="1">
      <alignment horizontal="center" vertical="center" wrapText="1"/>
    </xf>
    <xf numFmtId="0" fontId="76" fillId="0" borderId="0" xfId="0" applyFont="1"/>
    <xf numFmtId="0" fontId="91" fillId="0" borderId="140" xfId="0" applyFont="1" applyBorder="1"/>
    <xf numFmtId="0" fontId="90" fillId="0" borderId="164" xfId="0" applyFont="1" applyBorder="1" applyAlignment="1">
      <alignment horizontal="right"/>
    </xf>
    <xf numFmtId="187" fontId="0" fillId="39" borderId="76" xfId="0" applyNumberFormat="1" applyFill="1" applyBorder="1"/>
    <xf numFmtId="187" fontId="0" fillId="39" borderId="41" xfId="0" applyNumberFormat="1" applyFill="1" applyBorder="1"/>
    <xf numFmtId="187" fontId="0" fillId="0" borderId="13" xfId="0" applyNumberFormat="1" applyBorder="1" applyAlignment="1" applyProtection="1">
      <alignment vertical="center"/>
      <protection locked="0"/>
    </xf>
    <xf numFmtId="187" fontId="0" fillId="0" borderId="160" xfId="0" applyNumberFormat="1" applyBorder="1"/>
    <xf numFmtId="187" fontId="0" fillId="0" borderId="17" xfId="0" applyNumberFormat="1" applyBorder="1" applyAlignment="1" applyProtection="1">
      <alignment vertical="center"/>
      <protection locked="0"/>
    </xf>
    <xf numFmtId="187" fontId="0" fillId="0" borderId="43" xfId="0" applyNumberFormat="1" applyBorder="1"/>
    <xf numFmtId="187" fontId="0" fillId="0" borderId="15" xfId="0" applyNumberFormat="1" applyBorder="1" applyAlignment="1" applyProtection="1">
      <alignment vertical="center"/>
      <protection locked="0"/>
    </xf>
    <xf numFmtId="187" fontId="0" fillId="0" borderId="41" xfId="0" applyNumberFormat="1" applyBorder="1"/>
    <xf numFmtId="187" fontId="0" fillId="0" borderId="166" xfId="0" applyNumberFormat="1" applyBorder="1" applyAlignment="1" applyProtection="1">
      <alignment vertical="center"/>
      <protection locked="0"/>
    </xf>
    <xf numFmtId="187" fontId="0" fillId="39" borderId="41" xfId="0" applyNumberFormat="1" applyFill="1" applyBorder="1" applyAlignment="1">
      <alignment vertical="center"/>
    </xf>
    <xf numFmtId="187" fontId="76" fillId="0" borderId="15" xfId="0" applyNumberFormat="1" applyFont="1" applyBorder="1" applyAlignment="1" applyProtection="1">
      <alignment vertical="center"/>
      <protection locked="0"/>
    </xf>
    <xf numFmtId="0" fontId="0" fillId="0" borderId="13" xfId="0" applyBorder="1" applyAlignment="1">
      <alignment horizontal="center" vertical="center"/>
    </xf>
    <xf numFmtId="187" fontId="76" fillId="0" borderId="160" xfId="0" applyNumberFormat="1" applyFont="1" applyBorder="1" applyAlignment="1" applyProtection="1">
      <alignment vertical="center"/>
      <protection locked="0"/>
    </xf>
    <xf numFmtId="0" fontId="0" fillId="0" borderId="15" xfId="0" applyBorder="1" applyAlignment="1">
      <alignment horizontal="center" vertical="center"/>
    </xf>
    <xf numFmtId="0" fontId="0" fillId="0" borderId="76" xfId="0" applyBorder="1" applyAlignment="1">
      <alignment vertical="center"/>
    </xf>
    <xf numFmtId="187" fontId="76" fillId="0" borderId="41" xfId="0" applyNumberFormat="1" applyFont="1" applyBorder="1" applyAlignment="1" applyProtection="1">
      <alignment vertical="center"/>
      <protection locked="0"/>
    </xf>
    <xf numFmtId="0" fontId="0" fillId="0" borderId="167" xfId="0" applyBorder="1" applyAlignment="1">
      <alignment horizontal="center" vertical="center"/>
    </xf>
    <xf numFmtId="0" fontId="0" fillId="0" borderId="76" xfId="0" applyBorder="1" applyAlignment="1">
      <alignment vertical="center" wrapText="1"/>
    </xf>
    <xf numFmtId="0" fontId="41" fillId="0" borderId="71" xfId="0" applyFont="1" applyBorder="1" applyAlignment="1">
      <alignment vertical="center" wrapText="1"/>
    </xf>
    <xf numFmtId="181" fontId="0" fillId="0" borderId="168" xfId="0" applyNumberFormat="1" applyBorder="1" applyAlignment="1" applyProtection="1">
      <alignment vertical="center" wrapText="1"/>
      <protection locked="0"/>
    </xf>
    <xf numFmtId="0" fontId="41" fillId="0" borderId="83" xfId="0" applyFont="1" applyBorder="1" applyAlignment="1">
      <alignment vertical="center" wrapText="1"/>
    </xf>
    <xf numFmtId="181" fontId="0" fillId="0" borderId="169" xfId="0" applyNumberFormat="1" applyBorder="1" applyAlignment="1" applyProtection="1">
      <alignment vertical="center" wrapText="1"/>
      <protection locked="0"/>
    </xf>
    <xf numFmtId="9" fontId="0" fillId="0" borderId="0" xfId="0" applyNumberFormat="1" applyAlignment="1">
      <alignment horizontal="center" vertical="center" wrapText="1"/>
    </xf>
    <xf numFmtId="9" fontId="0" fillId="0" borderId="0" xfId="0" applyNumberFormat="1" applyAlignment="1">
      <alignment wrapText="1"/>
    </xf>
    <xf numFmtId="9" fontId="32" fillId="28" borderId="35" xfId="0" applyNumberFormat="1" applyFont="1" applyFill="1" applyBorder="1" applyAlignment="1" applyProtection="1">
      <alignment horizontal="center" vertical="center" wrapText="1"/>
      <protection locked="0"/>
    </xf>
    <xf numFmtId="9" fontId="32" fillId="0" borderId="35" xfId="0" applyNumberFormat="1" applyFont="1" applyBorder="1" applyAlignment="1" applyProtection="1">
      <alignment horizontal="center" vertical="center" wrapText="1"/>
      <protection locked="0"/>
    </xf>
    <xf numFmtId="9" fontId="32" fillId="0" borderId="0" xfId="0" applyNumberFormat="1" applyFont="1" applyAlignment="1" applyProtection="1">
      <alignment horizontal="center" vertical="center" wrapText="1"/>
      <protection locked="0"/>
    </xf>
    <xf numFmtId="0" fontId="37" fillId="36" borderId="64" xfId="0" applyFont="1" applyFill="1" applyBorder="1" applyAlignment="1">
      <alignment vertical="center"/>
    </xf>
    <xf numFmtId="0" fontId="37" fillId="36" borderId="0" xfId="0" applyFont="1" applyFill="1" applyAlignment="1">
      <alignment vertical="center"/>
    </xf>
    <xf numFmtId="0" fontId="36" fillId="36" borderId="0" xfId="0" applyFont="1" applyFill="1" applyAlignment="1">
      <alignment vertical="center"/>
    </xf>
    <xf numFmtId="0" fontId="36" fillId="36" borderId="65" xfId="0" applyFont="1" applyFill="1" applyBorder="1" applyAlignment="1">
      <alignment vertical="center"/>
    </xf>
    <xf numFmtId="0" fontId="42" fillId="0" borderId="0" xfId="0" applyFont="1" applyAlignment="1">
      <alignment vertical="center"/>
    </xf>
    <xf numFmtId="9" fontId="102" fillId="25" borderId="35" xfId="0" applyNumberFormat="1" applyFont="1" applyFill="1" applyBorder="1" applyAlignment="1">
      <alignment horizontal="center" vertical="center" textRotation="255" wrapText="1"/>
    </xf>
    <xf numFmtId="0" fontId="104" fillId="34" borderId="35" xfId="0" applyFont="1" applyFill="1" applyBorder="1" applyAlignment="1">
      <alignment vertical="top" textRotation="255" wrapText="1"/>
    </xf>
    <xf numFmtId="0" fontId="0" fillId="31" borderId="35" xfId="0" applyFill="1" applyBorder="1" applyAlignment="1">
      <alignment horizontal="center" vertical="center"/>
    </xf>
    <xf numFmtId="0" fontId="0" fillId="0" borderId="0" xfId="0" applyAlignment="1">
      <alignment horizontal="right" vertical="top"/>
    </xf>
    <xf numFmtId="9" fontId="32" fillId="26" borderId="35" xfId="0" applyNumberFormat="1" applyFont="1" applyFill="1" applyBorder="1" applyAlignment="1">
      <alignment horizontal="center" vertical="center" wrapText="1"/>
    </xf>
    <xf numFmtId="0" fontId="0" fillId="0" borderId="25" xfId="0" applyBorder="1" applyAlignment="1">
      <alignment horizontal="center" vertical="center"/>
    </xf>
    <xf numFmtId="0" fontId="41" fillId="0" borderId="70" xfId="0" applyFont="1" applyBorder="1" applyAlignment="1">
      <alignment vertical="center" wrapText="1"/>
    </xf>
    <xf numFmtId="0" fontId="9" fillId="0" borderId="175" xfId="47" applyFont="1" applyBorder="1" applyAlignment="1">
      <alignment vertical="center"/>
    </xf>
    <xf numFmtId="0" fontId="32" fillId="40" borderId="46" xfId="0" applyFont="1" applyFill="1" applyBorder="1" applyAlignment="1">
      <alignment vertical="center" shrinkToFit="1"/>
    </xf>
    <xf numFmtId="0" fontId="92" fillId="0" borderId="0" xfId="0" applyFont="1" applyAlignment="1">
      <alignment horizontal="right"/>
    </xf>
    <xf numFmtId="0" fontId="55" fillId="0" borderId="0" xfId="50" applyFont="1" applyAlignment="1">
      <alignment vertical="center"/>
    </xf>
    <xf numFmtId="0" fontId="55" fillId="0" borderId="0" xfId="46" applyFont="1" applyAlignment="1">
      <alignment vertical="center"/>
    </xf>
    <xf numFmtId="0" fontId="6" fillId="0" borderId="0" xfId="57" applyAlignment="1">
      <alignment vertical="center"/>
    </xf>
    <xf numFmtId="0" fontId="46" fillId="0" borderId="35" xfId="57" applyFont="1" applyBorder="1" applyAlignment="1">
      <alignment horizontal="center" vertical="center" shrinkToFit="1"/>
    </xf>
    <xf numFmtId="0" fontId="6" fillId="0" borderId="0" xfId="57" applyAlignment="1">
      <alignment horizontal="center" vertical="center"/>
    </xf>
    <xf numFmtId="0" fontId="27" fillId="0" borderId="0" xfId="57" applyFont="1" applyAlignment="1">
      <alignment horizontal="centerContinuous" vertical="center"/>
    </xf>
    <xf numFmtId="0" fontId="27" fillId="0" borderId="0" xfId="57" applyFont="1" applyAlignment="1">
      <alignment horizontal="center" vertical="center"/>
    </xf>
    <xf numFmtId="0" fontId="37" fillId="0" borderId="0" xfId="57" applyFont="1" applyAlignment="1">
      <alignment vertical="center"/>
    </xf>
    <xf numFmtId="0" fontId="6" fillId="0" borderId="0" xfId="57" applyAlignment="1">
      <alignment horizontal="right" vertical="center"/>
    </xf>
    <xf numFmtId="0" fontId="35" fillId="0" borderId="0" xfId="45" applyFont="1" applyAlignment="1">
      <alignment vertical="center"/>
    </xf>
    <xf numFmtId="0" fontId="6" fillId="0" borderId="13" xfId="45" applyBorder="1" applyAlignment="1">
      <alignment horizontal="center" vertical="center"/>
    </xf>
    <xf numFmtId="187" fontId="76" fillId="0" borderId="160" xfId="45" applyNumberFormat="1" applyFont="1" applyBorder="1" applyAlignment="1" applyProtection="1">
      <alignment vertical="center"/>
      <protection locked="0"/>
    </xf>
    <xf numFmtId="0" fontId="6" fillId="0" borderId="15" xfId="45" applyBorder="1" applyAlignment="1">
      <alignment horizontal="center" vertical="center"/>
    </xf>
    <xf numFmtId="187" fontId="76" fillId="0" borderId="41" xfId="45" applyNumberFormat="1" applyFont="1" applyBorder="1" applyAlignment="1" applyProtection="1">
      <alignment vertical="center"/>
      <protection locked="0"/>
    </xf>
    <xf numFmtId="0" fontId="6" fillId="0" borderId="36" xfId="45" applyBorder="1" applyAlignment="1">
      <alignment horizontal="center"/>
    </xf>
    <xf numFmtId="0" fontId="6" fillId="0" borderId="11" xfId="45" applyBorder="1" applyAlignment="1">
      <alignment horizontal="center" vertical="center"/>
    </xf>
    <xf numFmtId="0" fontId="41" fillId="0" borderId="71" xfId="45" applyFont="1" applyBorder="1" applyAlignment="1">
      <alignment vertical="center" wrapText="1"/>
    </xf>
    <xf numFmtId="181" fontId="6" fillId="0" borderId="42" xfId="45" applyNumberFormat="1" applyBorder="1" applyAlignment="1" applyProtection="1">
      <alignment vertical="center" wrapText="1"/>
      <protection locked="0"/>
    </xf>
    <xf numFmtId="0" fontId="6" fillId="0" borderId="17" xfId="45" applyBorder="1" applyAlignment="1">
      <alignment horizontal="center" vertical="center"/>
    </xf>
    <xf numFmtId="0" fontId="41" fillId="0" borderId="35" xfId="45" applyFont="1" applyBorder="1" applyAlignment="1">
      <alignment vertical="center" wrapText="1"/>
    </xf>
    <xf numFmtId="181" fontId="6" fillId="0" borderId="43" xfId="45" applyNumberFormat="1" applyBorder="1" applyAlignment="1" applyProtection="1">
      <alignment vertical="center" wrapText="1"/>
      <protection locked="0"/>
    </xf>
    <xf numFmtId="0" fontId="6" fillId="0" borderId="167" xfId="45" applyBorder="1" applyAlignment="1">
      <alignment horizontal="center" vertical="center"/>
    </xf>
    <xf numFmtId="0" fontId="41" fillId="0" borderId="83" xfId="45" applyFont="1" applyBorder="1" applyAlignment="1">
      <alignment vertical="center" wrapText="1"/>
    </xf>
    <xf numFmtId="181" fontId="6" fillId="0" borderId="169" xfId="45" applyNumberFormat="1" applyBorder="1" applyAlignment="1" applyProtection="1">
      <alignment vertical="center" wrapText="1"/>
      <protection locked="0"/>
    </xf>
    <xf numFmtId="181" fontId="6" fillId="0" borderId="168" xfId="45" applyNumberFormat="1" applyBorder="1" applyAlignment="1" applyProtection="1">
      <alignment vertical="center" wrapText="1"/>
      <protection locked="0"/>
    </xf>
    <xf numFmtId="0" fontId="94" fillId="0" borderId="0" xfId="45" applyFont="1" applyAlignment="1">
      <alignment horizontal="left" vertical="center"/>
    </xf>
    <xf numFmtId="0" fontId="41" fillId="0" borderId="0" xfId="45" applyFont="1" applyAlignment="1">
      <alignment horizontal="center" vertical="center" wrapText="1"/>
    </xf>
    <xf numFmtId="181" fontId="6" fillId="0" borderId="0" xfId="45" applyNumberFormat="1" applyAlignment="1" applyProtection="1">
      <alignment vertical="center" wrapText="1"/>
      <protection locked="0"/>
    </xf>
    <xf numFmtId="0" fontId="6" fillId="0" borderId="0" xfId="45" applyAlignment="1">
      <alignment horizontal="right"/>
    </xf>
    <xf numFmtId="0" fontId="9" fillId="0" borderId="21" xfId="47" applyFont="1" applyBorder="1" applyAlignment="1">
      <alignment horizontal="left" vertical="center"/>
    </xf>
    <xf numFmtId="0" fontId="6" fillId="0" borderId="29" xfId="45" applyBorder="1" applyAlignment="1">
      <alignment horizontal="center"/>
    </xf>
    <xf numFmtId="0" fontId="6" fillId="0" borderId="173" xfId="45" applyBorder="1" applyAlignment="1">
      <alignment horizontal="center"/>
    </xf>
    <xf numFmtId="0" fontId="6" fillId="0" borderId="175" xfId="45" applyBorder="1" applyAlignment="1">
      <alignment horizontal="center"/>
    </xf>
    <xf numFmtId="0" fontId="6" fillId="0" borderId="0" xfId="59" applyAlignment="1">
      <alignment vertical="center"/>
    </xf>
    <xf numFmtId="0" fontId="9" fillId="32" borderId="118" xfId="47" applyFont="1" applyFill="1" applyBorder="1" applyAlignment="1">
      <alignment horizontal="center" vertical="center"/>
    </xf>
    <xf numFmtId="0" fontId="9" fillId="32" borderId="100" xfId="47" applyFont="1" applyFill="1" applyBorder="1" applyAlignment="1">
      <alignment horizontal="center" vertical="center" wrapText="1"/>
    </xf>
    <xf numFmtId="0" fontId="9" fillId="32" borderId="71" xfId="47" applyFont="1" applyFill="1" applyBorder="1" applyAlignment="1">
      <alignment horizontal="center" vertical="center" shrinkToFit="1"/>
    </xf>
    <xf numFmtId="0" fontId="51" fillId="0" borderId="0" xfId="49" applyFont="1" applyAlignment="1">
      <alignment horizontal="right" vertical="center"/>
    </xf>
    <xf numFmtId="0" fontId="51" fillId="0" borderId="0" xfId="50" applyAlignment="1">
      <alignment horizontal="right" vertical="center"/>
    </xf>
    <xf numFmtId="3" fontId="0" fillId="0" borderId="0" xfId="0" applyNumberFormat="1" applyAlignment="1">
      <alignment horizontal="right"/>
    </xf>
    <xf numFmtId="0" fontId="0" fillId="0" borderId="76" xfId="45" applyFont="1" applyBorder="1" applyAlignment="1">
      <alignment vertical="center"/>
    </xf>
    <xf numFmtId="0" fontId="0" fillId="0" borderId="99" xfId="0" applyBorder="1" applyAlignment="1">
      <alignment vertical="center"/>
    </xf>
    <xf numFmtId="0" fontId="0" fillId="0" borderId="11" xfId="0" applyBorder="1" applyAlignment="1">
      <alignment horizontal="center" vertical="center"/>
    </xf>
    <xf numFmtId="0" fontId="109" fillId="0" borderId="0" xfId="0" applyFont="1" applyAlignment="1">
      <alignment vertical="center"/>
    </xf>
    <xf numFmtId="0" fontId="44" fillId="0" borderId="35" xfId="57" applyFont="1" applyBorder="1" applyAlignment="1">
      <alignment horizontal="center" vertical="center" shrinkToFit="1"/>
    </xf>
    <xf numFmtId="0" fontId="27" fillId="0" borderId="0" xfId="57" applyFont="1" applyAlignment="1">
      <alignment horizontal="left" vertical="center"/>
    </xf>
    <xf numFmtId="0" fontId="6" fillId="0" borderId="0" xfId="59"/>
    <xf numFmtId="0" fontId="6" fillId="0" borderId="114" xfId="59" applyBorder="1" applyAlignment="1" applyProtection="1">
      <alignment vertical="center"/>
      <protection locked="0"/>
    </xf>
    <xf numFmtId="0" fontId="6" fillId="0" borderId="0" xfId="59" applyAlignment="1" applyProtection="1">
      <alignment vertical="center"/>
      <protection locked="0"/>
    </xf>
    <xf numFmtId="0" fontId="39" fillId="0" borderId="64" xfId="59" applyFont="1" applyBorder="1" applyAlignment="1" applyProtection="1">
      <alignment vertical="center"/>
      <protection locked="0"/>
    </xf>
    <xf numFmtId="0" fontId="6" fillId="0" borderId="24" xfId="59" applyBorder="1" applyAlignment="1" applyProtection="1">
      <alignment vertical="center"/>
      <protection locked="0"/>
    </xf>
    <xf numFmtId="0" fontId="6" fillId="0" borderId="23" xfId="59" applyBorder="1" applyAlignment="1" applyProtection="1">
      <alignment vertical="center"/>
      <protection locked="0"/>
    </xf>
    <xf numFmtId="0" fontId="39" fillId="0" borderId="22" xfId="59" applyFont="1" applyBorder="1" applyAlignment="1" applyProtection="1">
      <alignment vertical="center"/>
      <protection locked="0"/>
    </xf>
    <xf numFmtId="0" fontId="39" fillId="0" borderId="23" xfId="59" applyFont="1" applyBorder="1" applyAlignment="1" applyProtection="1">
      <alignment vertical="center"/>
      <protection locked="0"/>
    </xf>
    <xf numFmtId="0" fontId="6" fillId="32" borderId="35" xfId="59" applyFill="1" applyBorder="1" applyAlignment="1" applyProtection="1">
      <alignment vertical="center"/>
      <protection locked="0"/>
    </xf>
    <xf numFmtId="0" fontId="39" fillId="0" borderId="43" xfId="0" applyFont="1" applyBorder="1" applyAlignment="1" applyProtection="1">
      <alignment horizontal="center" vertical="center" wrapText="1"/>
      <protection locked="0"/>
    </xf>
    <xf numFmtId="0" fontId="6" fillId="32" borderId="20" xfId="59" applyFill="1" applyBorder="1" applyAlignment="1" applyProtection="1">
      <alignment vertical="center"/>
      <protection locked="0"/>
    </xf>
    <xf numFmtId="0" fontId="6" fillId="0" borderId="21" xfId="59" applyBorder="1" applyAlignment="1" applyProtection="1">
      <alignment horizontal="right" vertical="center"/>
      <protection locked="0"/>
    </xf>
    <xf numFmtId="176" fontId="6" fillId="0" borderId="18" xfId="59" applyNumberFormat="1" applyBorder="1" applyAlignment="1" applyProtection="1">
      <alignment horizontal="right" vertical="center"/>
      <protection locked="0"/>
    </xf>
    <xf numFmtId="176" fontId="6" fillId="0" borderId="18" xfId="59" applyNumberFormat="1" applyBorder="1" applyAlignment="1" applyProtection="1">
      <alignment vertical="center"/>
      <protection locked="0"/>
    </xf>
    <xf numFmtId="0" fontId="6" fillId="0" borderId="47" xfId="59" applyBorder="1" applyAlignment="1" applyProtection="1">
      <alignment vertical="center"/>
      <protection locked="0"/>
    </xf>
    <xf numFmtId="0" fontId="6" fillId="32" borderId="99" xfId="59" applyFill="1" applyBorder="1" applyAlignment="1" applyProtection="1">
      <alignment vertical="center" wrapText="1"/>
      <protection locked="0"/>
    </xf>
    <xf numFmtId="0" fontId="6" fillId="32" borderId="99" xfId="59" applyFill="1" applyBorder="1" applyAlignment="1" applyProtection="1">
      <alignment vertical="center"/>
      <protection locked="0"/>
    </xf>
    <xf numFmtId="0" fontId="0" fillId="0" borderId="0" xfId="59" applyFont="1"/>
    <xf numFmtId="0" fontId="6" fillId="0" borderId="0" xfId="59" applyAlignment="1">
      <alignment horizontal="right"/>
    </xf>
    <xf numFmtId="0" fontId="37" fillId="0" borderId="0" xfId="59" applyFont="1" applyAlignment="1">
      <alignment vertical="center"/>
    </xf>
    <xf numFmtId="0" fontId="27" fillId="0" borderId="0" xfId="59" applyFont="1" applyAlignment="1">
      <alignment horizontal="center" vertical="center"/>
    </xf>
    <xf numFmtId="0" fontId="44" fillId="0" borderId="35" xfId="59" applyFont="1" applyBorder="1" applyAlignment="1">
      <alignment horizontal="center" vertical="center" shrinkToFit="1"/>
    </xf>
    <xf numFmtId="0" fontId="110" fillId="0" borderId="0" xfId="45" applyFont="1" applyAlignment="1">
      <alignment horizontal="left" vertical="center"/>
    </xf>
    <xf numFmtId="0" fontId="0" fillId="0" borderId="0" xfId="45" applyFont="1"/>
    <xf numFmtId="0" fontId="30" fillId="32" borderId="184" xfId="47" applyFont="1" applyFill="1" applyBorder="1" applyAlignment="1">
      <alignment vertical="center" wrapText="1"/>
    </xf>
    <xf numFmtId="0" fontId="0" fillId="0" borderId="99" xfId="45" applyFont="1" applyBorder="1" applyAlignment="1">
      <alignment vertical="center"/>
    </xf>
    <xf numFmtId="0" fontId="41" fillId="0" borderId="0" xfId="45" applyFont="1" applyAlignment="1">
      <alignment horizontal="left" vertical="center"/>
    </xf>
    <xf numFmtId="0" fontId="113" fillId="0" borderId="0" xfId="61" applyAlignment="1">
      <alignment horizontal="left" vertical="center"/>
    </xf>
    <xf numFmtId="0" fontId="0" fillId="0" borderId="30" xfId="45" applyFont="1" applyBorder="1" applyAlignment="1">
      <alignment horizontal="right" vertical="top" shrinkToFit="1"/>
    </xf>
    <xf numFmtId="0" fontId="9" fillId="36" borderId="35" xfId="47" applyFont="1" applyFill="1" applyBorder="1" applyAlignment="1">
      <alignment vertical="center"/>
    </xf>
    <xf numFmtId="0" fontId="9" fillId="36" borderId="35" xfId="47" applyFont="1" applyFill="1" applyBorder="1" applyAlignment="1">
      <alignment vertical="center" shrinkToFit="1"/>
    </xf>
    <xf numFmtId="0" fontId="9" fillId="36" borderId="16" xfId="47" applyFont="1" applyFill="1" applyBorder="1" applyAlignment="1">
      <alignment vertical="center" wrapText="1"/>
    </xf>
    <xf numFmtId="0" fontId="9" fillId="36" borderId="17" xfId="47" applyFont="1" applyFill="1" applyBorder="1" applyAlignment="1">
      <alignment vertical="center" wrapText="1"/>
    </xf>
    <xf numFmtId="0" fontId="0" fillId="0" borderId="144" xfId="45" applyFont="1" applyBorder="1" applyAlignment="1">
      <alignment horizontal="right" vertical="top" shrinkToFit="1"/>
    </xf>
    <xf numFmtId="0" fontId="9" fillId="37" borderId="15" xfId="47" applyFont="1" applyFill="1" applyBorder="1" applyAlignment="1">
      <alignment horizontal="center" vertical="center" wrapText="1"/>
    </xf>
    <xf numFmtId="0" fontId="9" fillId="0" borderId="132" xfId="47" applyFont="1" applyBorder="1" applyAlignment="1">
      <alignment horizontal="left" vertical="center"/>
    </xf>
    <xf numFmtId="0" fontId="9" fillId="36" borderId="76" xfId="47" applyFont="1" applyFill="1" applyBorder="1" applyAlignment="1">
      <alignment vertical="center"/>
    </xf>
    <xf numFmtId="0" fontId="80" fillId="0" borderId="176" xfId="45" applyFont="1" applyBorder="1" applyAlignment="1">
      <alignment horizontal="center"/>
    </xf>
    <xf numFmtId="38" fontId="80" fillId="0" borderId="20" xfId="34" applyFont="1" applyBorder="1" applyAlignment="1">
      <alignment horizontal="right" vertical="center"/>
    </xf>
    <xf numFmtId="0" fontId="80" fillId="0" borderId="18" xfId="47" applyFont="1" applyBorder="1" applyAlignment="1">
      <alignment vertical="center"/>
    </xf>
    <xf numFmtId="0" fontId="80" fillId="0" borderId="0" xfId="45" applyFont="1"/>
    <xf numFmtId="0" fontId="90" fillId="0" borderId="0" xfId="45" applyFont="1"/>
    <xf numFmtId="0" fontId="80" fillId="0" borderId="175" xfId="45" applyFont="1" applyBorder="1" applyAlignment="1">
      <alignment horizontal="center"/>
    </xf>
    <xf numFmtId="0" fontId="80" fillId="0" borderId="29" xfId="45" applyFont="1" applyBorder="1" applyAlignment="1">
      <alignment horizontal="center"/>
    </xf>
    <xf numFmtId="0" fontId="80" fillId="0" borderId="173" xfId="45" applyFont="1" applyBorder="1" applyAlignment="1">
      <alignment horizontal="center"/>
    </xf>
    <xf numFmtId="0" fontId="80" fillId="0" borderId="27" xfId="45" applyFont="1" applyBorder="1" applyAlignment="1">
      <alignment horizontal="center"/>
    </xf>
    <xf numFmtId="0" fontId="80" fillId="0" borderId="20" xfId="47" applyFont="1" applyBorder="1" applyAlignment="1">
      <alignment horizontal="right" vertical="center"/>
    </xf>
    <xf numFmtId="38" fontId="6" fillId="0" borderId="20" xfId="34" applyFont="1" applyBorder="1" applyAlignment="1">
      <alignment horizontal="right" vertical="center"/>
    </xf>
    <xf numFmtId="0" fontId="6" fillId="0" borderId="18" xfId="47" applyBorder="1" applyAlignment="1">
      <alignment vertical="center"/>
    </xf>
    <xf numFmtId="0" fontId="6" fillId="36" borderId="35" xfId="47" applyFill="1" applyBorder="1" applyAlignment="1">
      <alignment vertical="center" shrinkToFit="1"/>
    </xf>
    <xf numFmtId="0" fontId="6" fillId="0" borderId="21" xfId="47" applyBorder="1" applyAlignment="1">
      <alignment horizontal="left" vertical="center"/>
    </xf>
    <xf numFmtId="0" fontId="6" fillId="36" borderId="35" xfId="47" applyFill="1" applyBorder="1" applyAlignment="1">
      <alignment vertical="center"/>
    </xf>
    <xf numFmtId="0" fontId="6" fillId="0" borderId="21" xfId="47" applyBorder="1" applyAlignment="1">
      <alignment vertical="center"/>
    </xf>
    <xf numFmtId="0" fontId="6" fillId="36" borderId="76" xfId="47" applyFill="1" applyBorder="1" applyAlignment="1">
      <alignment vertical="center"/>
    </xf>
    <xf numFmtId="0" fontId="6" fillId="0" borderId="132" xfId="47" applyBorder="1" applyAlignment="1">
      <alignment horizontal="left" vertical="center"/>
    </xf>
    <xf numFmtId="0" fontId="6" fillId="0" borderId="176" xfId="45" applyBorder="1" applyAlignment="1">
      <alignment horizontal="center"/>
    </xf>
    <xf numFmtId="0" fontId="6" fillId="0" borderId="30" xfId="45" applyBorder="1" applyAlignment="1">
      <alignment horizontal="right" vertical="top" shrinkToFit="1"/>
    </xf>
    <xf numFmtId="0" fontId="6" fillId="0" borderId="27" xfId="45" applyBorder="1" applyAlignment="1">
      <alignment horizontal="center"/>
    </xf>
    <xf numFmtId="0" fontId="6" fillId="0" borderId="144" xfId="45" applyBorder="1" applyAlignment="1">
      <alignment horizontal="right" vertical="top" shrinkToFit="1"/>
    </xf>
    <xf numFmtId="0" fontId="6" fillId="32" borderId="118" xfId="47" applyFill="1" applyBorder="1" applyAlignment="1">
      <alignment horizontal="center" vertical="center"/>
    </xf>
    <xf numFmtId="0" fontId="6" fillId="32" borderId="71" xfId="47" applyFill="1" applyBorder="1" applyAlignment="1">
      <alignment horizontal="center" vertical="center" shrinkToFit="1"/>
    </xf>
    <xf numFmtId="0" fontId="6" fillId="0" borderId="175" xfId="47" applyBorder="1" applyAlignment="1">
      <alignment vertical="center"/>
    </xf>
    <xf numFmtId="0" fontId="6" fillId="32" borderId="100" xfId="47" applyFill="1" applyBorder="1" applyAlignment="1">
      <alignment horizontal="center" vertical="center" wrapText="1"/>
    </xf>
    <xf numFmtId="0" fontId="32" fillId="32" borderId="184" xfId="47" applyFont="1" applyFill="1" applyBorder="1" applyAlignment="1">
      <alignment vertical="center" wrapText="1"/>
    </xf>
    <xf numFmtId="0" fontId="6" fillId="0" borderId="20" xfId="47" applyBorder="1" applyAlignment="1">
      <alignment horizontal="right" vertical="center"/>
    </xf>
    <xf numFmtId="0" fontId="34" fillId="25" borderId="35" xfId="0" applyFont="1" applyFill="1" applyBorder="1" applyAlignment="1">
      <alignment horizontal="center" vertical="center" textRotation="255"/>
    </xf>
    <xf numFmtId="0" fontId="47" fillId="0" borderId="0" xfId="46" applyFont="1" applyAlignment="1">
      <alignment horizontal="center" vertical="center" shrinkToFit="1"/>
    </xf>
    <xf numFmtId="0" fontId="55" fillId="0" borderId="0" xfId="59" applyFont="1" applyAlignment="1">
      <alignment vertical="center"/>
    </xf>
    <xf numFmtId="0" fontId="55" fillId="0" borderId="0" xfId="57" applyFont="1" applyAlignment="1">
      <alignment vertical="center"/>
    </xf>
    <xf numFmtId="0" fontId="118" fillId="0" borderId="0" xfId="57" applyFont="1" applyAlignment="1">
      <alignment horizontal="center" vertical="center"/>
    </xf>
    <xf numFmtId="0" fontId="120" fillId="0" borderId="0" xfId="57" applyFont="1" applyAlignment="1">
      <alignment vertical="center"/>
    </xf>
    <xf numFmtId="0" fontId="122" fillId="0" borderId="0" xfId="57" applyFont="1" applyAlignment="1">
      <alignment vertical="center"/>
    </xf>
    <xf numFmtId="0" fontId="123" fillId="0" borderId="0" xfId="57" applyFont="1" applyAlignment="1">
      <alignment vertical="center"/>
    </xf>
    <xf numFmtId="0" fontId="122" fillId="39" borderId="99" xfId="59" applyFont="1" applyFill="1" applyBorder="1" applyAlignment="1">
      <alignment horizontal="center" vertical="center" wrapText="1"/>
    </xf>
    <xf numFmtId="0" fontId="122" fillId="0" borderId="99" xfId="59" applyFont="1" applyBorder="1" applyAlignment="1">
      <alignment horizontal="center" vertical="center" wrapText="1"/>
    </xf>
    <xf numFmtId="0" fontId="122" fillId="39" borderId="160" xfId="59" applyFont="1" applyFill="1" applyBorder="1" applyAlignment="1">
      <alignment vertical="center" wrapText="1"/>
    </xf>
    <xf numFmtId="0" fontId="122" fillId="0" borderId="0" xfId="59" applyFont="1" applyAlignment="1">
      <alignment vertical="center"/>
    </xf>
    <xf numFmtId="0" fontId="122" fillId="39" borderId="17" xfId="59" applyFont="1" applyFill="1" applyBorder="1" applyAlignment="1">
      <alignment horizontal="center" vertical="center" wrapText="1"/>
    </xf>
    <xf numFmtId="0" fontId="122" fillId="39" borderId="35" xfId="59" applyFont="1" applyFill="1" applyBorder="1" applyAlignment="1">
      <alignment horizontal="center" vertical="center" wrapText="1"/>
    </xf>
    <xf numFmtId="0" fontId="123" fillId="0" borderId="0" xfId="59" applyFont="1" applyAlignment="1">
      <alignment vertical="center"/>
    </xf>
    <xf numFmtId="0" fontId="124" fillId="39" borderId="20" xfId="59" applyFont="1" applyFill="1" applyBorder="1" applyAlignment="1">
      <alignment horizontal="center" vertical="center"/>
    </xf>
    <xf numFmtId="0" fontId="125" fillId="39" borderId="21" xfId="59" applyFont="1" applyFill="1" applyBorder="1" applyAlignment="1">
      <alignment horizontal="center" vertical="center"/>
    </xf>
    <xf numFmtId="0" fontId="122" fillId="39" borderId="35" xfId="59" applyFont="1" applyFill="1" applyBorder="1" applyAlignment="1">
      <alignment horizontal="center" vertical="center"/>
    </xf>
    <xf numFmtId="176" fontId="122" fillId="0" borderId="67" xfId="59" applyNumberFormat="1" applyFont="1" applyBorder="1" applyAlignment="1">
      <alignment vertical="center"/>
    </xf>
    <xf numFmtId="176" fontId="122" fillId="0" borderId="19" xfId="62" applyNumberFormat="1" applyFont="1" applyFill="1" applyBorder="1" applyAlignment="1">
      <alignment vertical="center"/>
    </xf>
    <xf numFmtId="176" fontId="122" fillId="0" borderId="19" xfId="59" applyNumberFormat="1" applyFont="1" applyBorder="1" applyAlignment="1">
      <alignment vertical="center"/>
    </xf>
    <xf numFmtId="176" fontId="122" fillId="0" borderId="24" xfId="59" applyNumberFormat="1" applyFont="1" applyBorder="1" applyAlignment="1">
      <alignment vertical="center"/>
    </xf>
    <xf numFmtId="0" fontId="122" fillId="0" borderId="185" xfId="59" applyFont="1" applyBorder="1" applyAlignment="1">
      <alignment vertical="center"/>
    </xf>
    <xf numFmtId="0" fontId="142" fillId="0" borderId="0" xfId="63" applyFont="1">
      <alignment vertical="center"/>
    </xf>
    <xf numFmtId="0" fontId="3" fillId="0" borderId="0" xfId="63">
      <alignment vertical="center"/>
    </xf>
    <xf numFmtId="0" fontId="3" fillId="0" borderId="0" xfId="63" applyAlignment="1">
      <alignment horizontal="center" vertical="center"/>
    </xf>
    <xf numFmtId="0" fontId="143" fillId="0" borderId="0" xfId="63" applyFont="1">
      <alignment vertical="center"/>
    </xf>
    <xf numFmtId="196" fontId="3" fillId="0" borderId="0" xfId="63" applyNumberFormat="1">
      <alignment vertical="center"/>
    </xf>
    <xf numFmtId="0" fontId="144" fillId="0" borderId="0" xfId="63" applyFont="1">
      <alignment vertical="center"/>
    </xf>
    <xf numFmtId="0" fontId="145" fillId="0" borderId="0" xfId="63" applyFont="1">
      <alignment vertical="center"/>
    </xf>
    <xf numFmtId="0" fontId="146" fillId="0" borderId="0" xfId="63" applyFont="1">
      <alignment vertical="center"/>
    </xf>
    <xf numFmtId="176" fontId="3" fillId="0" borderId="0" xfId="63" applyNumberFormat="1" applyAlignment="1">
      <alignment horizontal="center" vertical="center"/>
    </xf>
    <xf numFmtId="197" fontId="3" fillId="0" borderId="0" xfId="63" applyNumberFormat="1" applyAlignment="1">
      <alignment horizontal="center" vertical="center"/>
    </xf>
    <xf numFmtId="196" fontId="3" fillId="0" borderId="0" xfId="63" applyNumberFormat="1" applyAlignment="1">
      <alignment horizontal="center" vertical="center"/>
    </xf>
    <xf numFmtId="0" fontId="3" fillId="0" borderId="0" xfId="63" applyAlignment="1">
      <alignment vertical="center" shrinkToFit="1"/>
    </xf>
    <xf numFmtId="0" fontId="122" fillId="39" borderId="64" xfId="59" applyFont="1" applyFill="1" applyBorder="1" applyAlignment="1">
      <alignment vertical="center"/>
    </xf>
    <xf numFmtId="0" fontId="125" fillId="39" borderId="70" xfId="59" applyFont="1" applyFill="1" applyBorder="1" applyAlignment="1">
      <alignment horizontal="center" vertical="center"/>
    </xf>
    <xf numFmtId="0" fontId="0" fillId="39" borderId="22" xfId="0" applyFill="1" applyBorder="1" applyAlignment="1">
      <alignment horizontal="center" vertical="center" wrapText="1"/>
    </xf>
    <xf numFmtId="0" fontId="0" fillId="39" borderId="24" xfId="0" applyFill="1" applyBorder="1" applyAlignment="1">
      <alignment vertical="center" wrapText="1"/>
    </xf>
    <xf numFmtId="0" fontId="154" fillId="0" borderId="0" xfId="59" applyFont="1" applyAlignment="1">
      <alignment horizontal="left" vertical="center"/>
    </xf>
    <xf numFmtId="176" fontId="140" fillId="36" borderId="185" xfId="59" applyNumberFormat="1" applyFont="1" applyFill="1" applyBorder="1" applyAlignment="1">
      <alignment horizontal="center" vertical="center"/>
    </xf>
    <xf numFmtId="176" fontId="147" fillId="36" borderId="185" xfId="59" applyNumberFormat="1" applyFont="1" applyFill="1" applyBorder="1" applyAlignment="1">
      <alignment horizontal="center" vertical="center"/>
    </xf>
    <xf numFmtId="176" fontId="130" fillId="36" borderId="188" xfId="59" applyNumberFormat="1" applyFont="1" applyFill="1" applyBorder="1" applyAlignment="1">
      <alignment horizontal="center" vertical="center"/>
    </xf>
    <xf numFmtId="0" fontId="32" fillId="40" borderId="0" xfId="0" applyFont="1" applyFill="1" applyAlignment="1">
      <alignment vertical="center" shrinkToFit="1"/>
    </xf>
    <xf numFmtId="0" fontId="32" fillId="40" borderId="114" xfId="0" applyFont="1" applyFill="1" applyBorder="1" applyAlignment="1">
      <alignment vertical="center" shrinkToFit="1"/>
    </xf>
    <xf numFmtId="0" fontId="122" fillId="36" borderId="18" xfId="59" applyFont="1" applyFill="1" applyBorder="1" applyAlignment="1">
      <alignment horizontal="center" vertical="center" wrapText="1"/>
    </xf>
    <xf numFmtId="0" fontId="122" fillId="36" borderId="23" xfId="59" applyFont="1" applyFill="1" applyBorder="1" applyAlignment="1">
      <alignment horizontal="center" vertical="center" wrapText="1"/>
    </xf>
    <xf numFmtId="0" fontId="105" fillId="32" borderId="18" xfId="0" applyFont="1" applyFill="1" applyBorder="1" applyAlignment="1">
      <alignment vertical="center"/>
    </xf>
    <xf numFmtId="0" fontId="105" fillId="32" borderId="19" xfId="0" applyFont="1" applyFill="1" applyBorder="1" applyAlignment="1">
      <alignment vertical="center"/>
    </xf>
    <xf numFmtId="0" fontId="74" fillId="32" borderId="31" xfId="0" applyFont="1" applyFill="1" applyBorder="1" applyAlignment="1">
      <alignment horizontal="right" vertical="center"/>
    </xf>
    <xf numFmtId="0" fontId="0" fillId="32" borderId="104" xfId="0" applyFill="1" applyBorder="1" applyAlignment="1">
      <alignment vertical="center"/>
    </xf>
    <xf numFmtId="0" fontId="0" fillId="32" borderId="101" xfId="0" applyFill="1" applyBorder="1" applyAlignment="1">
      <alignment vertical="center"/>
    </xf>
    <xf numFmtId="0" fontId="0" fillId="32" borderId="31" xfId="0" applyFill="1" applyBorder="1" applyAlignment="1">
      <alignment vertical="center"/>
    </xf>
    <xf numFmtId="198" fontId="0" fillId="0" borderId="34" xfId="0" applyNumberFormat="1" applyBorder="1" applyAlignment="1">
      <alignment vertical="center"/>
    </xf>
    <xf numFmtId="0" fontId="0" fillId="0" borderId="185" xfId="0" applyBorder="1" applyAlignment="1">
      <alignment horizontal="center" vertical="center"/>
    </xf>
    <xf numFmtId="0" fontId="0" fillId="0" borderId="194" xfId="0" applyBorder="1" applyAlignment="1">
      <alignment horizontal="center" vertical="center"/>
    </xf>
    <xf numFmtId="0" fontId="0" fillId="0" borderId="195" xfId="0" applyBorder="1" applyAlignment="1">
      <alignment horizontal="center" vertical="center"/>
    </xf>
    <xf numFmtId="0" fontId="0" fillId="0" borderId="196" xfId="0" applyBorder="1" applyAlignment="1">
      <alignment horizontal="center" vertical="center"/>
    </xf>
    <xf numFmtId="0" fontId="32" fillId="40" borderId="91" xfId="0" applyFont="1" applyFill="1" applyBorder="1" applyAlignment="1">
      <alignment vertical="center" shrinkToFit="1"/>
    </xf>
    <xf numFmtId="0" fontId="105" fillId="32" borderId="34" xfId="0" applyFont="1" applyFill="1" applyBorder="1" applyAlignment="1">
      <alignment vertical="center"/>
    </xf>
    <xf numFmtId="0" fontId="105" fillId="0" borderId="197" xfId="0" applyFont="1" applyBorder="1" applyAlignment="1">
      <alignment horizontal="center" vertical="center"/>
    </xf>
    <xf numFmtId="0" fontId="105" fillId="0" borderId="198" xfId="0" applyFont="1" applyBorder="1" applyAlignment="1">
      <alignment horizontal="center" vertical="center"/>
    </xf>
    <xf numFmtId="0" fontId="105" fillId="0" borderId="199" xfId="0" applyFont="1" applyBorder="1" applyAlignment="1">
      <alignment horizontal="center" vertical="center"/>
    </xf>
    <xf numFmtId="0" fontId="122" fillId="41" borderId="44" xfId="59" applyFont="1" applyFill="1" applyBorder="1" applyAlignment="1">
      <alignment horizontal="center" vertical="center"/>
    </xf>
    <xf numFmtId="0" fontId="122" fillId="41" borderId="75" xfId="59" applyFont="1" applyFill="1" applyBorder="1" applyAlignment="1">
      <alignment horizontal="center" vertical="center"/>
    </xf>
    <xf numFmtId="0" fontId="2" fillId="0" borderId="0" xfId="63" applyFont="1" applyAlignment="1">
      <alignment horizontal="center" vertical="center"/>
    </xf>
    <xf numFmtId="0" fontId="122" fillId="39" borderId="11" xfId="59" applyFont="1" applyFill="1" applyBorder="1" applyAlignment="1">
      <alignment horizontal="center" vertical="center"/>
    </xf>
    <xf numFmtId="0" fontId="157" fillId="0" borderId="79" xfId="57" applyFont="1" applyBorder="1" applyAlignment="1">
      <alignment horizontal="center" vertical="center"/>
    </xf>
    <xf numFmtId="0" fontId="39" fillId="0" borderId="35" xfId="59" applyFont="1" applyBorder="1" applyAlignment="1">
      <alignment horizontal="center" vertical="center"/>
    </xf>
    <xf numFmtId="0" fontId="124" fillId="0" borderId="35" xfId="59" applyFont="1" applyBorder="1" applyAlignment="1">
      <alignment vertical="center"/>
    </xf>
    <xf numFmtId="0" fontId="117" fillId="0" borderId="0" xfId="57" applyFont="1" applyAlignment="1">
      <alignment vertical="center"/>
    </xf>
    <xf numFmtId="0" fontId="0" fillId="0" borderId="185" xfId="0" applyBorder="1" applyAlignment="1">
      <alignment vertical="center" shrinkToFit="1"/>
    </xf>
    <xf numFmtId="0" fontId="56" fillId="0" borderId="0" xfId="59" applyFont="1" applyAlignment="1">
      <alignment horizontal="right" vertical="center"/>
    </xf>
    <xf numFmtId="0" fontId="122" fillId="41" borderId="75" xfId="59" applyFont="1" applyFill="1" applyBorder="1" applyAlignment="1">
      <alignment horizontal="center" vertical="center" shrinkToFit="1"/>
    </xf>
    <xf numFmtId="0" fontId="125" fillId="39" borderId="203" xfId="59" applyFont="1" applyFill="1" applyBorder="1" applyAlignment="1">
      <alignment horizontal="center" vertical="center"/>
    </xf>
    <xf numFmtId="0" fontId="1" fillId="0" borderId="0" xfId="63" applyFont="1">
      <alignment vertical="center"/>
    </xf>
    <xf numFmtId="0" fontId="0" fillId="32" borderId="35" xfId="0" applyFill="1" applyBorder="1" applyAlignment="1">
      <alignment horizontal="center" vertical="center"/>
    </xf>
    <xf numFmtId="0" fontId="56" fillId="43" borderId="35" xfId="0" applyFont="1" applyFill="1" applyBorder="1" applyAlignment="1">
      <alignment vertical="center"/>
    </xf>
    <xf numFmtId="0" fontId="56" fillId="0" borderId="35" xfId="0" applyFont="1" applyBorder="1" applyAlignment="1">
      <alignment vertical="center"/>
    </xf>
    <xf numFmtId="0" fontId="56" fillId="0" borderId="0" xfId="0" applyFont="1" applyAlignment="1">
      <alignment horizontal="right" vertical="center"/>
    </xf>
    <xf numFmtId="0" fontId="56" fillId="32" borderId="65" xfId="0" applyFont="1" applyFill="1" applyBorder="1" applyAlignment="1">
      <alignment vertical="center"/>
    </xf>
    <xf numFmtId="0" fontId="56" fillId="32" borderId="65" xfId="0" applyFont="1" applyFill="1" applyBorder="1" applyAlignment="1">
      <alignment horizontal="right" vertical="center"/>
    </xf>
    <xf numFmtId="0" fontId="0" fillId="0" borderId="0" xfId="0" applyAlignment="1">
      <alignment vertical="top"/>
    </xf>
    <xf numFmtId="0" fontId="39" fillId="32" borderId="23" xfId="0" applyFont="1" applyFill="1" applyBorder="1" applyAlignment="1">
      <alignment vertical="center"/>
    </xf>
    <xf numFmtId="0" fontId="55" fillId="32" borderId="23" xfId="0" applyFont="1" applyFill="1" applyBorder="1" applyAlignment="1">
      <alignment vertical="center"/>
    </xf>
    <xf numFmtId="0" fontId="55" fillId="32" borderId="24" xfId="0" applyFont="1" applyFill="1" applyBorder="1" applyAlignment="1">
      <alignment vertical="center"/>
    </xf>
    <xf numFmtId="0" fontId="39" fillId="32" borderId="10" xfId="0" applyFont="1" applyFill="1" applyBorder="1" applyAlignment="1">
      <alignment vertical="center"/>
    </xf>
    <xf numFmtId="0" fontId="55" fillId="32" borderId="10" xfId="0" applyFont="1" applyFill="1" applyBorder="1" applyAlignment="1">
      <alignment vertical="center"/>
    </xf>
    <xf numFmtId="0" fontId="55" fillId="32" borderId="34" xfId="0" applyFont="1" applyFill="1" applyBorder="1" applyAlignment="1">
      <alignment vertical="center"/>
    </xf>
    <xf numFmtId="0" fontId="80" fillId="32" borderId="18" xfId="0" applyFont="1" applyFill="1" applyBorder="1" applyAlignment="1">
      <alignment vertical="center"/>
    </xf>
    <xf numFmtId="0" fontId="122" fillId="44" borderId="21" xfId="59" applyFont="1" applyFill="1" applyBorder="1" applyAlignment="1">
      <alignment horizontal="center" vertical="center" wrapText="1"/>
    </xf>
    <xf numFmtId="0" fontId="37" fillId="44" borderId="70" xfId="59" applyFont="1" applyFill="1" applyBorder="1" applyAlignment="1">
      <alignment horizontal="center" vertical="center" wrapText="1"/>
    </xf>
    <xf numFmtId="176" fontId="37" fillId="44" borderId="43" xfId="59" applyNumberFormat="1" applyFont="1" applyFill="1" applyBorder="1" applyAlignment="1">
      <alignment horizontal="center" vertical="center" wrapText="1"/>
    </xf>
    <xf numFmtId="176" fontId="127" fillId="44" borderId="43" xfId="59" applyNumberFormat="1" applyFont="1" applyFill="1" applyBorder="1" applyAlignment="1">
      <alignment horizontal="center" vertical="center" wrapText="1"/>
    </xf>
    <xf numFmtId="176" fontId="37" fillId="44" borderId="21" xfId="59" applyNumberFormat="1" applyFont="1" applyFill="1" applyBorder="1" applyAlignment="1">
      <alignment horizontal="center" vertical="center" wrapText="1"/>
    </xf>
    <xf numFmtId="176" fontId="122" fillId="44" borderId="43" xfId="59" applyNumberFormat="1" applyFont="1" applyFill="1" applyBorder="1" applyAlignment="1">
      <alignment horizontal="center" vertical="center" wrapText="1"/>
    </xf>
    <xf numFmtId="189" fontId="122" fillId="44" borderId="14" xfId="59" applyNumberFormat="1" applyFont="1" applyFill="1" applyBorder="1" applyAlignment="1">
      <alignment vertical="center"/>
    </xf>
    <xf numFmtId="176" fontId="128" fillId="44" borderId="21" xfId="59" applyNumberFormat="1" applyFont="1" applyFill="1" applyBorder="1" applyAlignment="1">
      <alignment horizontal="left" vertical="center" shrinkToFit="1"/>
    </xf>
    <xf numFmtId="190" fontId="122" fillId="44" borderId="43" xfId="62" applyNumberFormat="1" applyFont="1" applyFill="1" applyBorder="1" applyAlignment="1">
      <alignment vertical="center"/>
    </xf>
    <xf numFmtId="191" fontId="129" fillId="44" borderId="21" xfId="59" applyNumberFormat="1" applyFont="1" applyFill="1" applyBorder="1" applyAlignment="1">
      <alignment horizontal="center" vertical="center"/>
    </xf>
    <xf numFmtId="192" fontId="122" fillId="44" borderId="43" xfId="59" applyNumberFormat="1" applyFont="1" applyFill="1" applyBorder="1" applyAlignment="1">
      <alignment vertical="center"/>
    </xf>
    <xf numFmtId="193" fontId="122" fillId="44" borderId="14" xfId="59" applyNumberFormat="1" applyFont="1" applyFill="1" applyBorder="1" applyAlignment="1">
      <alignment vertical="center"/>
    </xf>
    <xf numFmtId="189" fontId="129" fillId="44" borderId="21" xfId="59" applyNumberFormat="1" applyFont="1" applyFill="1" applyBorder="1" applyAlignment="1">
      <alignment horizontal="center" vertical="center"/>
    </xf>
    <xf numFmtId="194" fontId="122" fillId="44" borderId="21" xfId="59" applyNumberFormat="1" applyFont="1" applyFill="1" applyBorder="1" applyAlignment="1">
      <alignment horizontal="center" vertical="center" wrapText="1"/>
    </xf>
    <xf numFmtId="176" fontId="123" fillId="44" borderId="21" xfId="59" quotePrefix="1" applyNumberFormat="1" applyFont="1" applyFill="1" applyBorder="1" applyAlignment="1">
      <alignment horizontal="left" vertical="center"/>
    </xf>
    <xf numFmtId="193" fontId="122" fillId="44" borderId="14" xfId="59" applyNumberFormat="1" applyFont="1" applyFill="1" applyBorder="1" applyAlignment="1">
      <alignment vertical="center" wrapText="1"/>
    </xf>
    <xf numFmtId="176" fontId="128" fillId="44" borderId="21" xfId="59" applyNumberFormat="1" applyFont="1" applyFill="1" applyBorder="1" applyAlignment="1">
      <alignment horizontal="left" vertical="center"/>
    </xf>
    <xf numFmtId="193" fontId="122" fillId="44" borderId="122" xfId="59" applyNumberFormat="1" applyFont="1" applyFill="1" applyBorder="1" applyAlignment="1">
      <alignment vertical="center" wrapText="1"/>
    </xf>
    <xf numFmtId="176" fontId="128" fillId="44" borderId="63" xfId="59" applyNumberFormat="1" applyFont="1" applyFill="1" applyBorder="1" applyAlignment="1">
      <alignment horizontal="left" vertical="center"/>
    </xf>
    <xf numFmtId="190" fontId="122" fillId="44" borderId="89" xfId="62" applyNumberFormat="1" applyFont="1" applyFill="1" applyBorder="1" applyAlignment="1">
      <alignment vertical="center"/>
    </xf>
    <xf numFmtId="194" fontId="122" fillId="44" borderId="63" xfId="59" applyNumberFormat="1" applyFont="1" applyFill="1" applyBorder="1" applyAlignment="1">
      <alignment horizontal="center" vertical="center" wrapText="1"/>
    </xf>
    <xf numFmtId="192" fontId="122" fillId="44" borderId="89" xfId="59" applyNumberFormat="1" applyFont="1" applyFill="1" applyBorder="1" applyAlignment="1">
      <alignment vertical="center"/>
    </xf>
    <xf numFmtId="188" fontId="131" fillId="44" borderId="165" xfId="59" applyNumberFormat="1" applyFont="1" applyFill="1" applyBorder="1" applyAlignment="1">
      <alignment vertical="center" wrapText="1"/>
    </xf>
    <xf numFmtId="188" fontId="131" fillId="44" borderId="177" xfId="59" applyNumberFormat="1" applyFont="1" applyFill="1" applyBorder="1" applyAlignment="1">
      <alignment vertical="center"/>
    </xf>
    <xf numFmtId="192" fontId="126" fillId="44" borderId="160" xfId="59" applyNumberFormat="1" applyFont="1" applyFill="1" applyBorder="1" applyAlignment="1">
      <alignment vertical="center" shrinkToFit="1"/>
    </xf>
    <xf numFmtId="188" fontId="131" fillId="44" borderId="177" xfId="59" applyNumberFormat="1" applyFont="1" applyFill="1" applyBorder="1" applyAlignment="1">
      <alignment vertical="center" wrapText="1"/>
    </xf>
    <xf numFmtId="188" fontId="131" fillId="44" borderId="14" xfId="59" applyNumberFormat="1" applyFont="1" applyFill="1" applyBorder="1" applyAlignment="1">
      <alignment horizontal="center" vertical="center" wrapText="1"/>
    </xf>
    <xf numFmtId="188" fontId="132" fillId="44" borderId="21" xfId="59" applyNumberFormat="1" applyFont="1" applyFill="1" applyBorder="1" applyAlignment="1">
      <alignment horizontal="center" vertical="center"/>
    </xf>
    <xf numFmtId="38" fontId="134" fillId="44" borderId="43" xfId="62" applyFont="1" applyFill="1" applyBorder="1" applyAlignment="1">
      <alignment vertical="center" shrinkToFit="1"/>
    </xf>
    <xf numFmtId="188" fontId="128" fillId="44" borderId="21" xfId="59" applyNumberFormat="1" applyFont="1" applyFill="1" applyBorder="1" applyAlignment="1">
      <alignment horizontal="center" vertical="center" wrapText="1"/>
    </xf>
    <xf numFmtId="192" fontId="134" fillId="44" borderId="43" xfId="59" applyNumberFormat="1" applyFont="1" applyFill="1" applyBorder="1" applyAlignment="1">
      <alignment vertical="center" shrinkToFit="1"/>
    </xf>
    <xf numFmtId="38" fontId="134" fillId="44" borderId="89" xfId="62" applyFont="1" applyFill="1" applyBorder="1" applyAlignment="1">
      <alignment vertical="center" shrinkToFit="1"/>
    </xf>
    <xf numFmtId="195" fontId="122" fillId="44" borderId="21" xfId="59" applyNumberFormat="1" applyFont="1" applyFill="1" applyBorder="1" applyAlignment="1">
      <alignment horizontal="center" vertical="center" wrapText="1"/>
    </xf>
    <xf numFmtId="192" fontId="134" fillId="44" borderId="89" xfId="59" applyNumberFormat="1" applyFont="1" applyFill="1" applyBorder="1" applyAlignment="1">
      <alignment vertical="center" shrinkToFit="1"/>
    </xf>
    <xf numFmtId="0" fontId="137" fillId="44" borderId="97" xfId="59" applyFont="1" applyFill="1" applyBorder="1" applyAlignment="1">
      <alignment horizontal="center" vertical="center" wrapText="1"/>
    </xf>
    <xf numFmtId="192" fontId="136" fillId="0" borderId="189" xfId="59" applyNumberFormat="1" applyFont="1" applyBorder="1" applyAlignment="1">
      <alignment horizontal="center" vertical="center"/>
    </xf>
    <xf numFmtId="192" fontId="136" fillId="0" borderId="193" xfId="59" applyNumberFormat="1" applyFont="1" applyBorder="1" applyAlignment="1">
      <alignment horizontal="center" vertical="center" shrinkToFit="1"/>
    </xf>
    <xf numFmtId="0" fontId="0" fillId="32" borderId="45" xfId="0" applyFill="1" applyBorder="1" applyAlignment="1">
      <alignment horizontal="center" vertical="center"/>
    </xf>
    <xf numFmtId="188" fontId="131" fillId="43" borderId="131" xfId="59" applyNumberFormat="1" applyFont="1" applyFill="1" applyBorder="1" applyAlignment="1">
      <alignment vertical="center" wrapText="1"/>
    </xf>
    <xf numFmtId="0" fontId="44" fillId="0" borderId="185" xfId="57" applyFont="1" applyBorder="1" applyAlignment="1">
      <alignment horizontal="center" vertical="center" shrinkToFit="1"/>
    </xf>
    <xf numFmtId="0" fontId="158" fillId="0" borderId="0" xfId="59" applyFont="1" applyAlignment="1">
      <alignment vertical="center"/>
    </xf>
    <xf numFmtId="0" fontId="56" fillId="0" borderId="0" xfId="59" applyFont="1" applyAlignment="1">
      <alignment vertical="center"/>
    </xf>
    <xf numFmtId="0" fontId="90" fillId="0" borderId="0" xfId="59" applyFont="1" applyAlignment="1">
      <alignment vertical="center"/>
    </xf>
    <xf numFmtId="0" fontId="160" fillId="0" borderId="22" xfId="0" applyFont="1" applyBorder="1" applyAlignment="1">
      <alignment vertical="center"/>
    </xf>
    <xf numFmtId="176" fontId="160" fillId="0" borderId="19" xfId="62" applyNumberFormat="1" applyFont="1" applyFill="1" applyBorder="1" applyAlignment="1">
      <alignment vertical="center"/>
    </xf>
    <xf numFmtId="176" fontId="160" fillId="0" borderId="19" xfId="59" applyNumberFormat="1" applyFont="1" applyBorder="1" applyAlignment="1">
      <alignment vertical="center"/>
    </xf>
    <xf numFmtId="176" fontId="160" fillId="0" borderId="24" xfId="59" applyNumberFormat="1" applyFont="1" applyBorder="1" applyAlignment="1">
      <alignment vertical="center"/>
    </xf>
    <xf numFmtId="0" fontId="161" fillId="0" borderId="185" xfId="57" applyFont="1" applyBorder="1" applyAlignment="1">
      <alignment horizontal="center" vertical="center" shrinkToFit="1"/>
    </xf>
    <xf numFmtId="176" fontId="162" fillId="0" borderId="67" xfId="59" applyNumberFormat="1" applyFont="1" applyBorder="1" applyAlignment="1">
      <alignment vertical="center"/>
    </xf>
    <xf numFmtId="0" fontId="163" fillId="0" borderId="0" xfId="59" applyFont="1" applyAlignment="1">
      <alignment vertical="center"/>
    </xf>
    <xf numFmtId="0" fontId="80" fillId="0" borderId="194" xfId="0" applyFont="1" applyBorder="1" applyAlignment="1">
      <alignment horizontal="center" vertical="center"/>
    </xf>
    <xf numFmtId="0" fontId="80" fillId="0" borderId="195" xfId="0" applyFont="1" applyBorder="1" applyAlignment="1">
      <alignment horizontal="center" vertical="center"/>
    </xf>
    <xf numFmtId="0" fontId="80" fillId="0" borderId="185" xfId="0" applyFont="1" applyBorder="1" applyAlignment="1">
      <alignment vertical="center" shrinkToFit="1"/>
    </xf>
    <xf numFmtId="198" fontId="80" fillId="0" borderId="34" xfId="0" applyNumberFormat="1" applyFont="1" applyBorder="1" applyAlignment="1">
      <alignment vertical="center"/>
    </xf>
    <xf numFmtId="0" fontId="80" fillId="0" borderId="185" xfId="0" applyFont="1" applyBorder="1" applyAlignment="1">
      <alignment horizontal="center" vertical="center"/>
    </xf>
    <xf numFmtId="38" fontId="55" fillId="26" borderId="35" xfId="34" applyFont="1" applyFill="1" applyBorder="1" applyAlignment="1">
      <alignment vertical="center" wrapText="1"/>
    </xf>
    <xf numFmtId="38" fontId="39" fillId="0" borderId="35" xfId="34" applyFont="1" applyBorder="1" applyAlignment="1" applyProtection="1">
      <alignment vertical="center" wrapText="1"/>
      <protection locked="0"/>
    </xf>
    <xf numFmtId="0" fontId="39" fillId="25" borderId="35" xfId="0" applyFont="1" applyFill="1" applyBorder="1" applyAlignment="1">
      <alignment horizontal="center" vertical="top" textRotation="255" wrapText="1" indent="1"/>
    </xf>
    <xf numFmtId="0" fontId="39" fillId="25" borderId="35" xfId="0" applyFont="1" applyFill="1" applyBorder="1" applyAlignment="1">
      <alignment horizontal="center" vertical="center" textRotation="255" wrapText="1"/>
    </xf>
    <xf numFmtId="0" fontId="90" fillId="25" borderId="71" xfId="0" applyFont="1" applyFill="1" applyBorder="1" applyAlignment="1">
      <alignment horizontal="center" vertical="top" wrapText="1"/>
    </xf>
    <xf numFmtId="0" fontId="37" fillId="0" borderId="0" xfId="0" applyFont="1"/>
    <xf numFmtId="199" fontId="37" fillId="0" borderId="0" xfId="0" applyNumberFormat="1" applyFont="1"/>
    <xf numFmtId="0" fontId="166" fillId="24" borderId="35" xfId="0" applyFont="1" applyFill="1" applyBorder="1" applyAlignment="1">
      <alignment vertical="top" textRotation="255" wrapText="1"/>
    </xf>
    <xf numFmtId="0" fontId="166" fillId="25" borderId="35" xfId="0" applyFont="1" applyFill="1" applyBorder="1" applyAlignment="1">
      <alignment horizontal="center" vertical="top" textRotation="255" wrapText="1"/>
    </xf>
    <xf numFmtId="0" fontId="34" fillId="25" borderId="20" xfId="0" applyFont="1" applyFill="1" applyBorder="1" applyAlignment="1">
      <alignment horizontal="center" vertical="center" textRotation="255"/>
    </xf>
    <xf numFmtId="0" fontId="32" fillId="26" borderId="20" xfId="0" applyFont="1" applyFill="1" applyBorder="1" applyAlignment="1">
      <alignment horizontal="center" vertical="center"/>
    </xf>
    <xf numFmtId="0" fontId="32" fillId="0" borderId="20" xfId="0" applyFont="1" applyBorder="1" applyAlignment="1" applyProtection="1">
      <alignment horizontal="center" vertical="center"/>
      <protection locked="0"/>
    </xf>
    <xf numFmtId="0" fontId="34" fillId="25" borderId="21" xfId="0" applyFont="1" applyFill="1" applyBorder="1" applyAlignment="1">
      <alignment horizontal="center" vertical="center" textRotation="255" wrapText="1"/>
    </xf>
    <xf numFmtId="0" fontId="32" fillId="26" borderId="21" xfId="0" applyFont="1" applyFill="1" applyBorder="1" applyAlignment="1">
      <alignment horizontal="center" vertical="center"/>
    </xf>
    <xf numFmtId="0" fontId="32" fillId="0" borderId="21" xfId="0" applyFont="1" applyBorder="1" applyAlignment="1" applyProtection="1">
      <alignment horizontal="center" vertical="center"/>
      <protection locked="0"/>
    </xf>
    <xf numFmtId="0" fontId="58" fillId="25" borderId="205" xfId="0" applyFont="1" applyFill="1" applyBorder="1" applyAlignment="1">
      <alignment horizontal="center" vertical="center" wrapText="1"/>
    </xf>
    <xf numFmtId="0" fontId="34" fillId="25" borderId="17" xfId="0" applyFont="1" applyFill="1" applyBorder="1" applyAlignment="1">
      <alignment horizontal="center" vertical="center" wrapText="1"/>
    </xf>
    <xf numFmtId="0" fontId="166" fillId="25" borderId="43" xfId="0" applyFont="1" applyFill="1" applyBorder="1" applyAlignment="1">
      <alignment horizontal="center" vertical="top" textRotation="255" wrapText="1"/>
    </xf>
    <xf numFmtId="0" fontId="32" fillId="26" borderId="17" xfId="0" applyFont="1" applyFill="1" applyBorder="1" applyAlignment="1">
      <alignment horizontal="center" vertical="center"/>
    </xf>
    <xf numFmtId="0" fontId="32" fillId="26" borderId="43" xfId="0" applyFont="1" applyFill="1" applyBorder="1" applyAlignment="1">
      <alignment horizontal="center" vertical="center"/>
    </xf>
    <xf numFmtId="0" fontId="32" fillId="0" borderId="17" xfId="0" applyFont="1" applyBorder="1" applyAlignment="1" applyProtection="1">
      <alignment horizontal="center" vertical="center"/>
      <protection locked="0"/>
    </xf>
    <xf numFmtId="0" fontId="32" fillId="0" borderId="43" xfId="0" applyFont="1" applyBorder="1" applyAlignment="1" applyProtection="1">
      <alignment horizontal="center" vertical="center"/>
      <protection locked="0"/>
    </xf>
    <xf numFmtId="49" fontId="0" fillId="25" borderId="35" xfId="0" applyNumberFormat="1" applyFill="1" applyBorder="1" applyAlignment="1">
      <alignment horizontal="center" vertical="center" wrapText="1"/>
    </xf>
    <xf numFmtId="49" fontId="8" fillId="0" borderId="0" xfId="0" applyNumberFormat="1" applyFont="1" applyAlignment="1">
      <alignment horizontal="center" wrapText="1"/>
    </xf>
    <xf numFmtId="49" fontId="0" fillId="0" borderId="0" xfId="0" applyNumberFormat="1" applyAlignment="1">
      <alignment horizontal="center" vertical="center" wrapText="1"/>
    </xf>
    <xf numFmtId="49" fontId="0" fillId="0" borderId="0" xfId="0" applyNumberFormat="1" applyAlignment="1">
      <alignment horizontal="center" wrapText="1"/>
    </xf>
    <xf numFmtId="49" fontId="56" fillId="0" borderId="0" xfId="0" applyNumberFormat="1" applyFont="1" applyAlignment="1">
      <alignment horizontal="center" wrapText="1"/>
    </xf>
    <xf numFmtId="49" fontId="56" fillId="0" borderId="0" xfId="0" applyNumberFormat="1" applyFont="1" applyAlignment="1">
      <alignment horizontal="center" vertical="center" wrapText="1"/>
    </xf>
    <xf numFmtId="49" fontId="32" fillId="26" borderId="35" xfId="0" applyNumberFormat="1" applyFont="1" applyFill="1" applyBorder="1" applyAlignment="1">
      <alignment horizontal="center" vertical="center" wrapText="1"/>
    </xf>
    <xf numFmtId="49" fontId="32" fillId="0" borderId="35" xfId="0" applyNumberFormat="1" applyFont="1" applyBorder="1" applyAlignment="1" applyProtection="1">
      <alignment horizontal="center" vertical="center" wrapText="1"/>
      <protection locked="0"/>
    </xf>
    <xf numFmtId="49" fontId="32" fillId="0" borderId="0" xfId="0" applyNumberFormat="1" applyFont="1" applyAlignment="1" applyProtection="1">
      <alignment horizontal="center" vertical="center" wrapText="1"/>
      <protection locked="0"/>
    </xf>
    <xf numFmtId="49" fontId="8" fillId="0" borderId="0" xfId="0" applyNumberFormat="1" applyFont="1" applyAlignment="1">
      <alignment horizontal="center"/>
    </xf>
    <xf numFmtId="49" fontId="0" fillId="0" borderId="0" xfId="0" applyNumberFormat="1" applyAlignment="1">
      <alignment horizontal="center" vertical="center"/>
    </xf>
    <xf numFmtId="49" fontId="0" fillId="0" borderId="0" xfId="0" applyNumberFormat="1" applyAlignment="1">
      <alignment horizontal="center"/>
    </xf>
    <xf numFmtId="49" fontId="56" fillId="0" borderId="0" xfId="0" applyNumberFormat="1" applyFont="1" applyAlignment="1">
      <alignment horizontal="center"/>
    </xf>
    <xf numFmtId="49" fontId="92" fillId="0" borderId="0" xfId="0" applyNumberFormat="1" applyFont="1" applyAlignment="1">
      <alignment horizontal="center"/>
    </xf>
    <xf numFmtId="0" fontId="0" fillId="0" borderId="98" xfId="0" applyBorder="1"/>
    <xf numFmtId="0" fontId="0" fillId="0" borderId="80" xfId="0" applyBorder="1" applyAlignment="1">
      <alignment horizontal="center" vertical="center"/>
    </xf>
    <xf numFmtId="0" fontId="0" fillId="0" borderId="206" xfId="0" applyBorder="1" applyAlignment="1">
      <alignment horizontal="center" vertical="center"/>
    </xf>
    <xf numFmtId="0" fontId="0" fillId="0" borderId="96" xfId="0" applyBorder="1"/>
    <xf numFmtId="179" fontId="0" fillId="0" borderId="177" xfId="0" applyNumberFormat="1" applyBorder="1"/>
    <xf numFmtId="179" fontId="0" fillId="0" borderId="160" xfId="0" applyNumberFormat="1" applyBorder="1"/>
    <xf numFmtId="179" fontId="0" fillId="0" borderId="21" xfId="0" applyNumberFormat="1" applyBorder="1"/>
    <xf numFmtId="179" fontId="0" fillId="0" borderId="43" xfId="0" applyNumberFormat="1" applyBorder="1"/>
    <xf numFmtId="179" fontId="0" fillId="0" borderId="206" xfId="0" applyNumberFormat="1" applyBorder="1"/>
    <xf numFmtId="179" fontId="0" fillId="0" borderId="80" xfId="0" applyNumberFormat="1" applyBorder="1"/>
    <xf numFmtId="0" fontId="84" fillId="0" borderId="0" xfId="0" applyFont="1" applyAlignment="1">
      <alignment vertical="center"/>
    </xf>
    <xf numFmtId="0" fontId="167" fillId="0" borderId="0" xfId="63" applyFont="1" applyAlignment="1">
      <alignment horizontal="center" vertical="center"/>
    </xf>
    <xf numFmtId="0" fontId="168" fillId="0" borderId="0" xfId="63" applyFont="1" applyAlignment="1">
      <alignment horizontal="center" vertical="center"/>
    </xf>
    <xf numFmtId="197" fontId="168" fillId="0" borderId="0" xfId="63" applyNumberFormat="1" applyFont="1" applyAlignment="1">
      <alignment horizontal="center" vertical="center"/>
    </xf>
    <xf numFmtId="200" fontId="168" fillId="0" borderId="0" xfId="63" applyNumberFormat="1" applyFont="1" applyAlignment="1">
      <alignment horizontal="center" vertical="center"/>
    </xf>
    <xf numFmtId="0" fontId="0" fillId="0" borderId="14" xfId="0" applyBorder="1" applyAlignment="1">
      <alignment shrinkToFit="1"/>
    </xf>
    <xf numFmtId="0" fontId="0" fillId="0" borderId="19" xfId="0" applyBorder="1" applyAlignment="1">
      <alignment shrinkToFit="1"/>
    </xf>
    <xf numFmtId="179" fontId="0" fillId="0" borderId="164" xfId="0" applyNumberFormat="1" applyBorder="1"/>
    <xf numFmtId="179" fontId="0" fillId="0" borderId="168" xfId="0" applyNumberFormat="1" applyBorder="1"/>
    <xf numFmtId="0" fontId="137" fillId="31" borderId="97" xfId="59" applyFont="1" applyFill="1" applyBorder="1" applyAlignment="1">
      <alignment horizontal="center" vertical="center" wrapText="1"/>
    </xf>
    <xf numFmtId="0" fontId="0" fillId="0" borderId="185" xfId="0" applyBorder="1" applyAlignment="1">
      <alignment horizontal="center" vertical="center" shrinkToFit="1"/>
    </xf>
    <xf numFmtId="0" fontId="137" fillId="45" borderId="97" xfId="59" applyFont="1" applyFill="1" applyBorder="1" applyAlignment="1">
      <alignment horizontal="center" vertical="center" wrapText="1"/>
    </xf>
    <xf numFmtId="0" fontId="0" fillId="32" borderId="171" xfId="0" applyFill="1" applyBorder="1" applyAlignment="1">
      <alignment vertical="center"/>
    </xf>
    <xf numFmtId="0" fontId="32" fillId="0" borderId="35" xfId="0" applyFont="1" applyBorder="1" applyAlignment="1">
      <alignment vertical="center" shrinkToFit="1"/>
    </xf>
    <xf numFmtId="0" fontId="32" fillId="0" borderId="70" xfId="0" applyFont="1" applyBorder="1" applyAlignment="1">
      <alignment horizontal="right" vertical="center" shrinkToFit="1"/>
    </xf>
    <xf numFmtId="0" fontId="32" fillId="0" borderId="20" xfId="0" applyFont="1" applyBorder="1" applyAlignment="1">
      <alignment vertical="center" shrinkToFit="1"/>
    </xf>
    <xf numFmtId="0" fontId="32" fillId="0" borderId="71" xfId="0" applyFont="1" applyBorder="1" applyAlignment="1">
      <alignment vertical="center" shrinkToFit="1"/>
    </xf>
    <xf numFmtId="201" fontId="33" fillId="0" borderId="71" xfId="0" applyNumberFormat="1" applyFont="1" applyBorder="1" applyAlignment="1">
      <alignment vertical="center" shrinkToFit="1"/>
    </xf>
    <xf numFmtId="202" fontId="33" fillId="0" borderId="71" xfId="0" applyNumberFormat="1" applyFont="1" applyBorder="1" applyAlignment="1">
      <alignment vertical="center" shrinkToFit="1"/>
    </xf>
    <xf numFmtId="0" fontId="0" fillId="0" borderId="0" xfId="57" applyFont="1" applyAlignment="1">
      <alignment horizontal="center" vertical="center"/>
    </xf>
    <xf numFmtId="0" fontId="90" fillId="0" borderId="0" xfId="46" applyFont="1" applyAlignment="1">
      <alignment vertical="center"/>
    </xf>
    <xf numFmtId="0" fontId="90" fillId="0" borderId="0" xfId="0" applyFont="1" applyAlignment="1">
      <alignment vertical="center"/>
    </xf>
    <xf numFmtId="0" fontId="32" fillId="40" borderId="210" xfId="0" applyFont="1" applyFill="1" applyBorder="1" applyAlignment="1">
      <alignment vertical="center" shrinkToFit="1"/>
    </xf>
    <xf numFmtId="0" fontId="32" fillId="40" borderId="211" xfId="0" applyFont="1" applyFill="1" applyBorder="1" applyAlignment="1">
      <alignment vertical="center" shrinkToFit="1"/>
    </xf>
    <xf numFmtId="0" fontId="80" fillId="0" borderId="192" xfId="0" applyFont="1" applyBorder="1" applyAlignment="1">
      <alignment vertical="center" shrinkToFit="1"/>
    </xf>
    <xf numFmtId="0" fontId="90" fillId="32" borderId="214" xfId="0" applyFont="1" applyFill="1" applyBorder="1" applyAlignment="1">
      <alignment vertical="center" wrapText="1"/>
    </xf>
    <xf numFmtId="0" fontId="0" fillId="0" borderId="185" xfId="0" applyBorder="1" applyAlignment="1">
      <alignment vertical="center"/>
    </xf>
    <xf numFmtId="0" fontId="105" fillId="0" borderId="185" xfId="0" applyFont="1" applyBorder="1" applyAlignment="1">
      <alignment horizontal="center" vertical="center"/>
    </xf>
    <xf numFmtId="0" fontId="0" fillId="32" borderId="35" xfId="0" applyFill="1" applyBorder="1" applyAlignment="1">
      <alignment horizontal="center" vertical="center" wrapText="1"/>
    </xf>
    <xf numFmtId="0" fontId="45" fillId="0" borderId="0" xfId="0" applyFont="1" applyAlignment="1">
      <alignment horizontal="center" vertical="center"/>
    </xf>
    <xf numFmtId="0" fontId="37" fillId="0" borderId="0" xfId="0" applyFont="1" applyAlignment="1">
      <alignment vertical="top" wrapText="1"/>
    </xf>
    <xf numFmtId="0" fontId="45" fillId="0" borderId="0" xfId="0" applyFont="1" applyAlignment="1">
      <alignment horizontal="center" vertical="top"/>
    </xf>
    <xf numFmtId="0" fontId="89" fillId="0" borderId="0" xfId="0" applyFont="1" applyAlignment="1">
      <alignment horizontal="left" vertical="top" wrapText="1"/>
    </xf>
    <xf numFmtId="0" fontId="37" fillId="0" borderId="0" xfId="0" applyFont="1" applyAlignment="1">
      <alignment vertical="top"/>
    </xf>
    <xf numFmtId="0" fontId="37" fillId="0" borderId="0" xfId="0" applyFont="1" applyAlignment="1">
      <alignment horizontal="left" vertical="top" wrapText="1"/>
    </xf>
    <xf numFmtId="0" fontId="37" fillId="0" borderId="0" xfId="0" applyFont="1" applyFill="1" applyAlignment="1">
      <alignment horizontal="left" vertical="top" wrapText="1"/>
    </xf>
    <xf numFmtId="0" fontId="50" fillId="0" borderId="0" xfId="0" applyFont="1" applyAlignment="1">
      <alignment vertical="top" wrapText="1"/>
    </xf>
    <xf numFmtId="0" fontId="57" fillId="0" borderId="0" xfId="0" applyFont="1" applyAlignment="1">
      <alignment vertical="top" wrapText="1"/>
    </xf>
    <xf numFmtId="0" fontId="78" fillId="0" borderId="0" xfId="0" applyFont="1" applyAlignment="1">
      <alignment vertical="top" wrapText="1"/>
    </xf>
    <xf numFmtId="0" fontId="89" fillId="0" borderId="0" xfId="0" applyFont="1" applyAlignment="1">
      <alignment vertical="top" wrapText="1"/>
    </xf>
    <xf numFmtId="0" fontId="37" fillId="0" borderId="0" xfId="0" applyFont="1" applyAlignment="1">
      <alignment vertical="center"/>
    </xf>
    <xf numFmtId="0" fontId="50" fillId="0" borderId="0" xfId="0" applyFont="1" applyAlignment="1">
      <alignment vertical="center"/>
    </xf>
    <xf numFmtId="0" fontId="32" fillId="0" borderId="84" xfId="0" applyFont="1" applyBorder="1" applyAlignment="1">
      <alignment vertical="center" wrapText="1"/>
    </xf>
    <xf numFmtId="0" fontId="32" fillId="0" borderId="111" xfId="0" applyFont="1" applyBorder="1"/>
    <xf numFmtId="0" fontId="32" fillId="0" borderId="85" xfId="0" applyFont="1" applyBorder="1" applyAlignment="1">
      <alignment vertical="center" wrapText="1"/>
    </xf>
    <xf numFmtId="0" fontId="32" fillId="0" borderId="112" xfId="0" applyFont="1" applyBorder="1"/>
    <xf numFmtId="0" fontId="32" fillId="0" borderId="86" xfId="0" applyFont="1" applyBorder="1" applyAlignment="1">
      <alignment vertical="center" wrapText="1"/>
    </xf>
    <xf numFmtId="0" fontId="32" fillId="0" borderId="113" xfId="0" applyFont="1" applyBorder="1"/>
    <xf numFmtId="0" fontId="27" fillId="0" borderId="0" xfId="0" applyFont="1" applyAlignment="1">
      <alignment horizontal="center"/>
    </xf>
    <xf numFmtId="0" fontId="32" fillId="0" borderId="85" xfId="0" applyFont="1" applyBorder="1" applyAlignment="1">
      <alignment horizontal="left" vertical="center" wrapText="1"/>
    </xf>
    <xf numFmtId="0" fontId="32" fillId="0" borderId="112" xfId="0" applyFont="1" applyBorder="1" applyAlignment="1">
      <alignment horizontal="left" vertical="center" wrapText="1"/>
    </xf>
    <xf numFmtId="3" fontId="0" fillId="0" borderId="10" xfId="0" applyNumberFormat="1" applyBorder="1" applyAlignment="1">
      <alignment horizontal="center"/>
    </xf>
    <xf numFmtId="0" fontId="32" fillId="0" borderId="114" xfId="0" applyFont="1" applyBorder="1" applyAlignment="1">
      <alignment horizontal="left" vertical="center" wrapText="1"/>
    </xf>
    <xf numFmtId="0" fontId="32" fillId="0" borderId="34" xfId="0" applyFont="1" applyBorder="1" applyAlignment="1">
      <alignment horizontal="left" vertical="center" wrapText="1"/>
    </xf>
    <xf numFmtId="0" fontId="51" fillId="25" borderId="35" xfId="0" applyFont="1" applyFill="1" applyBorder="1" applyAlignment="1">
      <alignment horizontal="center" vertical="center"/>
    </xf>
    <xf numFmtId="0" fontId="58" fillId="25" borderId="22" xfId="0" applyFont="1" applyFill="1" applyBorder="1" applyAlignment="1">
      <alignment horizontal="center" vertical="center" wrapText="1"/>
    </xf>
    <xf numFmtId="0" fontId="58" fillId="25" borderId="23" xfId="0" applyFont="1" applyFill="1" applyBorder="1" applyAlignment="1">
      <alignment horizontal="center" vertical="center" wrapText="1"/>
    </xf>
    <xf numFmtId="0" fontId="58" fillId="25" borderId="63" xfId="0" applyFont="1" applyFill="1" applyBorder="1" applyAlignment="1">
      <alignment horizontal="center" vertical="center" wrapText="1"/>
    </xf>
    <xf numFmtId="0" fontId="58" fillId="25" borderId="33" xfId="0" applyFont="1" applyFill="1" applyBorder="1" applyAlignment="1">
      <alignment horizontal="center" vertical="center" wrapText="1"/>
    </xf>
    <xf numFmtId="0" fontId="58" fillId="25" borderId="10" xfId="0" applyFont="1" applyFill="1" applyBorder="1" applyAlignment="1">
      <alignment horizontal="center" vertical="center" wrapText="1"/>
    </xf>
    <xf numFmtId="0" fontId="58" fillId="25" borderId="32" xfId="0" applyFont="1" applyFill="1" applyBorder="1" applyAlignment="1">
      <alignment horizontal="center" vertical="center" wrapText="1"/>
    </xf>
    <xf numFmtId="3" fontId="58" fillId="25" borderId="22" xfId="0" applyNumberFormat="1" applyFont="1" applyFill="1" applyBorder="1" applyAlignment="1">
      <alignment horizontal="center" vertical="center" wrapText="1"/>
    </xf>
    <xf numFmtId="3" fontId="58" fillId="25" borderId="23" xfId="0" applyNumberFormat="1" applyFont="1" applyFill="1" applyBorder="1" applyAlignment="1">
      <alignment horizontal="center" vertical="center" wrapText="1"/>
    </xf>
    <xf numFmtId="3" fontId="58" fillId="25" borderId="63" xfId="0" applyNumberFormat="1" applyFont="1" applyFill="1" applyBorder="1" applyAlignment="1">
      <alignment horizontal="center" vertical="center" wrapText="1"/>
    </xf>
    <xf numFmtId="3" fontId="58" fillId="25" borderId="33" xfId="0" applyNumberFormat="1" applyFont="1" applyFill="1" applyBorder="1" applyAlignment="1">
      <alignment horizontal="center" vertical="center" wrapText="1"/>
    </xf>
    <xf numFmtId="3" fontId="58" fillId="25" borderId="10" xfId="0" applyNumberFormat="1" applyFont="1" applyFill="1" applyBorder="1" applyAlignment="1">
      <alignment horizontal="center" vertical="center" wrapText="1"/>
    </xf>
    <xf numFmtId="3" fontId="58" fillId="25" borderId="32" xfId="0" applyNumberFormat="1" applyFont="1" applyFill="1" applyBorder="1" applyAlignment="1">
      <alignment horizontal="center" vertical="center" wrapText="1"/>
    </xf>
    <xf numFmtId="0" fontId="58" fillId="25" borderId="22" xfId="0" applyFont="1" applyFill="1" applyBorder="1" applyAlignment="1">
      <alignment horizontal="center" wrapText="1"/>
    </xf>
    <xf numFmtId="0" fontId="58" fillId="25" borderId="63" xfId="0" applyFont="1" applyFill="1" applyBorder="1" applyAlignment="1">
      <alignment horizontal="center" wrapText="1"/>
    </xf>
    <xf numFmtId="0" fontId="58" fillId="25" borderId="64" xfId="0" applyFont="1" applyFill="1" applyBorder="1" applyAlignment="1">
      <alignment horizontal="center" wrapText="1"/>
    </xf>
    <xf numFmtId="0" fontId="58" fillId="25" borderId="32" xfId="0" applyFont="1" applyFill="1" applyBorder="1" applyAlignment="1">
      <alignment horizontal="center" wrapText="1"/>
    </xf>
    <xf numFmtId="186" fontId="0" fillId="33" borderId="35" xfId="0" applyNumberFormat="1" applyFill="1" applyBorder="1" applyAlignment="1">
      <alignment horizontal="center" vertical="center" textRotation="255" wrapText="1"/>
    </xf>
    <xf numFmtId="0" fontId="0" fillId="35" borderId="35" xfId="0" applyFill="1" applyBorder="1" applyAlignment="1">
      <alignment horizontal="center" vertical="center" wrapText="1"/>
    </xf>
    <xf numFmtId="0" fontId="0" fillId="25" borderId="18" xfId="0" applyFill="1" applyBorder="1" applyAlignment="1">
      <alignment horizontal="center" vertical="center" wrapText="1"/>
    </xf>
    <xf numFmtId="0" fontId="0" fillId="25" borderId="21" xfId="0" applyFill="1" applyBorder="1" applyAlignment="1">
      <alignment horizontal="center" vertical="center" wrapText="1"/>
    </xf>
    <xf numFmtId="0" fontId="58" fillId="25" borderId="14" xfId="0" applyFont="1" applyFill="1" applyBorder="1" applyAlignment="1">
      <alignment horizontal="center" vertical="center" wrapText="1"/>
    </xf>
    <xf numFmtId="0" fontId="58" fillId="25" borderId="18" xfId="0" applyFont="1" applyFill="1" applyBorder="1" applyAlignment="1">
      <alignment horizontal="center" vertical="center" wrapText="1"/>
    </xf>
    <xf numFmtId="0" fontId="58" fillId="25" borderId="21" xfId="0" applyFont="1" applyFill="1" applyBorder="1" applyAlignment="1">
      <alignment horizontal="center" vertical="center" wrapText="1"/>
    </xf>
    <xf numFmtId="0" fontId="0" fillId="25" borderId="70" xfId="0" applyFill="1" applyBorder="1" applyAlignment="1">
      <alignment horizontal="center" vertical="center" textRotation="255" wrapText="1"/>
    </xf>
    <xf numFmtId="0" fontId="0" fillId="25" borderId="71" xfId="0" applyFill="1" applyBorder="1" applyAlignment="1">
      <alignment horizontal="center" vertical="center" textRotation="255" wrapText="1"/>
    </xf>
    <xf numFmtId="3" fontId="0" fillId="0" borderId="68" xfId="0" applyNumberFormat="1" applyBorder="1" applyAlignment="1">
      <alignment horizontal="left"/>
    </xf>
    <xf numFmtId="0" fontId="0" fillId="25" borderId="20" xfId="0" applyFill="1" applyBorder="1" applyAlignment="1">
      <alignment horizontal="center" vertical="center" wrapText="1"/>
    </xf>
    <xf numFmtId="0" fontId="0" fillId="25" borderId="22" xfId="0" applyFill="1" applyBorder="1" applyAlignment="1">
      <alignment horizontal="center" vertical="center" wrapText="1"/>
    </xf>
    <xf numFmtId="0" fontId="0" fillId="25" borderId="23" xfId="0" applyFill="1" applyBorder="1" applyAlignment="1">
      <alignment horizontal="center" vertical="center" wrapText="1"/>
    </xf>
    <xf numFmtId="0" fontId="0" fillId="0" borderId="23" xfId="0" applyBorder="1" applyAlignment="1">
      <alignment horizontal="center" vertical="center" wrapText="1"/>
    </xf>
    <xf numFmtId="0" fontId="0" fillId="25" borderId="33" xfId="0" applyFill="1" applyBorder="1" applyAlignment="1">
      <alignment horizontal="center" vertical="center" wrapText="1"/>
    </xf>
    <xf numFmtId="0" fontId="0" fillId="25" borderId="10" xfId="0" applyFill="1" applyBorder="1" applyAlignment="1">
      <alignment horizontal="center" vertical="center" wrapText="1"/>
    </xf>
    <xf numFmtId="0" fontId="0" fillId="0" borderId="10" xfId="0" applyBorder="1" applyAlignment="1">
      <alignment horizontal="center" vertical="center" wrapText="1"/>
    </xf>
    <xf numFmtId="0" fontId="58" fillId="25" borderId="122" xfId="0" applyFont="1" applyFill="1" applyBorder="1" applyAlignment="1">
      <alignment horizontal="center" wrapText="1"/>
    </xf>
    <xf numFmtId="0" fontId="58" fillId="25" borderId="23" xfId="0" applyFont="1" applyFill="1" applyBorder="1" applyAlignment="1">
      <alignment horizontal="center" wrapText="1"/>
    </xf>
    <xf numFmtId="0" fontId="58" fillId="25" borderId="24" xfId="0" applyFont="1" applyFill="1" applyBorder="1" applyAlignment="1">
      <alignment horizontal="center" wrapText="1"/>
    </xf>
    <xf numFmtId="0" fontId="0" fillId="0" borderId="18" xfId="0" applyBorder="1" applyAlignment="1">
      <alignment horizontal="center" vertical="center" wrapText="1"/>
    </xf>
    <xf numFmtId="0" fontId="0" fillId="0" borderId="19" xfId="0" applyBorder="1" applyAlignment="1">
      <alignment horizontal="center" vertical="center" wrapText="1"/>
    </xf>
    <xf numFmtId="0" fontId="116" fillId="0" borderId="35" xfId="0" applyFont="1" applyBorder="1" applyAlignment="1">
      <alignment horizontal="center" vertical="center" wrapText="1"/>
    </xf>
    <xf numFmtId="0" fontId="116" fillId="0" borderId="35" xfId="0" applyFont="1" applyBorder="1" applyAlignment="1">
      <alignment horizontal="center" vertical="center"/>
    </xf>
    <xf numFmtId="0" fontId="0" fillId="24" borderId="35" xfId="0" applyFill="1" applyBorder="1" applyAlignment="1">
      <alignment horizontal="center" vertical="center" textRotation="255" wrapText="1"/>
    </xf>
    <xf numFmtId="0" fontId="68" fillId="0" borderId="35" xfId="0" applyFont="1" applyBorder="1" applyAlignment="1">
      <alignment horizontal="center" vertical="center" wrapText="1"/>
    </xf>
    <xf numFmtId="0" fontId="44" fillId="0" borderId="0" xfId="0" applyFont="1" applyAlignment="1">
      <alignment horizontal="center" vertical="center" shrinkToFit="1"/>
    </xf>
    <xf numFmtId="0" fontId="0" fillId="33" borderId="35" xfId="0" applyFill="1" applyBorder="1" applyAlignment="1">
      <alignment horizontal="center" vertical="center" wrapText="1"/>
    </xf>
    <xf numFmtId="178" fontId="0" fillId="33" borderId="35" xfId="0" applyNumberFormat="1" applyFill="1" applyBorder="1" applyAlignment="1">
      <alignment horizontal="center" vertical="center" textRotation="255" wrapText="1"/>
    </xf>
    <xf numFmtId="0" fontId="58" fillId="34" borderId="20" xfId="0" applyFont="1" applyFill="1" applyBorder="1" applyAlignment="1">
      <alignment horizontal="center" vertical="center" wrapText="1"/>
    </xf>
    <xf numFmtId="0" fontId="58" fillId="34" borderId="18" xfId="0" applyFont="1" applyFill="1" applyBorder="1" applyAlignment="1">
      <alignment horizontal="center" vertical="center" wrapText="1"/>
    </xf>
    <xf numFmtId="0" fontId="58" fillId="34" borderId="21" xfId="0" applyFont="1" applyFill="1" applyBorder="1" applyAlignment="1">
      <alignment horizontal="center" vertical="center" wrapText="1"/>
    </xf>
    <xf numFmtId="0" fontId="63" fillId="0" borderId="98" xfId="0" applyFont="1" applyBorder="1" applyAlignment="1">
      <alignment horizontal="center" vertical="center"/>
    </xf>
    <xf numFmtId="0" fontId="63" fillId="0" borderId="97" xfId="0" applyFont="1" applyBorder="1" applyAlignment="1">
      <alignment horizontal="center" vertical="center"/>
    </xf>
    <xf numFmtId="0" fontId="0" fillId="0" borderId="96" xfId="0" applyBorder="1" applyAlignment="1">
      <alignment horizontal="center" vertical="center"/>
    </xf>
    <xf numFmtId="0" fontId="0" fillId="24" borderId="70" xfId="0" applyFill="1" applyBorder="1" applyAlignment="1">
      <alignment horizontal="center" vertical="center" textRotation="255" wrapText="1"/>
    </xf>
    <xf numFmtId="0" fontId="0" fillId="24" borderId="71" xfId="0" applyFill="1" applyBorder="1" applyAlignment="1">
      <alignment horizontal="center" vertical="center" textRotation="255" wrapText="1"/>
    </xf>
    <xf numFmtId="0" fontId="58" fillId="24" borderId="35" xfId="0" applyFont="1" applyFill="1" applyBorder="1" applyAlignment="1">
      <alignment horizontal="center" vertical="center" wrapText="1"/>
    </xf>
    <xf numFmtId="0" fontId="58" fillId="0" borderId="35" xfId="0" applyFont="1" applyBorder="1" applyAlignment="1">
      <alignment horizontal="center" vertical="center" wrapText="1"/>
    </xf>
    <xf numFmtId="0" fontId="55" fillId="33" borderId="35" xfId="0" applyFont="1" applyFill="1" applyBorder="1" applyAlignment="1">
      <alignment horizontal="center" vertical="center" wrapText="1"/>
    </xf>
    <xf numFmtId="0" fontId="0" fillId="0" borderId="35" xfId="0" applyBorder="1" applyAlignment="1">
      <alignment horizontal="center" vertical="center" wrapText="1"/>
    </xf>
    <xf numFmtId="0" fontId="68" fillId="0" borderId="20" xfId="0" applyFont="1" applyBorder="1" applyAlignment="1">
      <alignment horizontal="center" vertical="center"/>
    </xf>
    <xf numFmtId="0" fontId="68" fillId="0" borderId="18" xfId="0" applyFont="1" applyBorder="1" applyAlignment="1">
      <alignment horizontal="center" vertical="center"/>
    </xf>
    <xf numFmtId="0" fontId="0" fillId="0" borderId="21" xfId="0" applyBorder="1" applyAlignment="1">
      <alignment horizontal="center" vertical="center"/>
    </xf>
    <xf numFmtId="0" fontId="56" fillId="0" borderId="35" xfId="0" applyFont="1" applyBorder="1" applyAlignment="1">
      <alignment horizontal="center" vertical="center" wrapText="1"/>
    </xf>
    <xf numFmtId="0" fontId="56" fillId="0" borderId="35" xfId="0" applyFont="1" applyBorder="1" applyAlignment="1">
      <alignment horizontal="center" vertical="center"/>
    </xf>
    <xf numFmtId="178" fontId="0" fillId="33" borderId="70" xfId="0" applyNumberFormat="1" applyFill="1" applyBorder="1" applyAlignment="1">
      <alignment horizontal="center" vertical="center" textRotation="255" wrapText="1"/>
    </xf>
    <xf numFmtId="178" fontId="0" fillId="33" borderId="71" xfId="0" applyNumberFormat="1" applyFill="1" applyBorder="1" applyAlignment="1">
      <alignment horizontal="center" vertical="center" textRotation="255" wrapText="1"/>
    </xf>
    <xf numFmtId="0" fontId="58" fillId="24" borderId="22" xfId="0" applyFont="1" applyFill="1" applyBorder="1" applyAlignment="1">
      <alignment horizontal="center" vertical="center" wrapText="1"/>
    </xf>
    <xf numFmtId="0" fontId="58" fillId="24" borderId="23" xfId="0" applyFont="1" applyFill="1" applyBorder="1" applyAlignment="1">
      <alignment horizontal="center" vertical="center" wrapText="1"/>
    </xf>
    <xf numFmtId="0" fontId="58" fillId="24" borderId="63" xfId="0" applyFont="1" applyFill="1" applyBorder="1" applyAlignment="1">
      <alignment horizontal="center" vertical="center" wrapText="1"/>
    </xf>
    <xf numFmtId="0" fontId="58" fillId="24" borderId="33" xfId="0" applyFont="1" applyFill="1" applyBorder="1" applyAlignment="1">
      <alignment horizontal="center" vertical="center" wrapText="1"/>
    </xf>
    <xf numFmtId="0" fontId="58" fillId="24" borderId="10" xfId="0" applyFont="1" applyFill="1" applyBorder="1" applyAlignment="1">
      <alignment horizontal="center" vertical="center" wrapText="1"/>
    </xf>
    <xf numFmtId="0" fontId="58" fillId="24" borderId="32" xfId="0" applyFont="1" applyFill="1" applyBorder="1" applyAlignment="1">
      <alignment horizontal="center" vertical="center" wrapText="1"/>
    </xf>
    <xf numFmtId="0" fontId="0" fillId="33" borderId="20" xfId="0" applyFill="1" applyBorder="1" applyAlignment="1">
      <alignment horizontal="center" vertical="center" wrapText="1"/>
    </xf>
    <xf numFmtId="0" fontId="0" fillId="33" borderId="18" xfId="0" applyFill="1" applyBorder="1" applyAlignment="1">
      <alignment horizontal="center" vertical="center" wrapText="1"/>
    </xf>
    <xf numFmtId="0" fontId="0" fillId="33" borderId="21" xfId="0" applyFill="1" applyBorder="1" applyAlignment="1">
      <alignment horizontal="center" vertical="center" wrapText="1"/>
    </xf>
    <xf numFmtId="0" fontId="58" fillId="0" borderId="20" xfId="0" applyFont="1" applyBorder="1" applyAlignment="1">
      <alignment horizontal="center" vertical="center" wrapText="1"/>
    </xf>
    <xf numFmtId="0" fontId="58" fillId="0" borderId="18" xfId="0" applyFont="1" applyBorder="1" applyAlignment="1">
      <alignment horizontal="center" vertical="center" wrapText="1"/>
    </xf>
    <xf numFmtId="0" fontId="58" fillId="0" borderId="21" xfId="0" applyFont="1" applyBorder="1" applyAlignment="1">
      <alignment horizontal="center" vertical="center" wrapText="1"/>
    </xf>
    <xf numFmtId="0" fontId="0" fillId="33" borderId="70" xfId="0" applyFill="1" applyBorder="1" applyAlignment="1">
      <alignment horizontal="center" vertical="center" wrapText="1"/>
    </xf>
    <xf numFmtId="0" fontId="0" fillId="33" borderId="71" xfId="0" applyFill="1" applyBorder="1" applyAlignment="1">
      <alignment horizontal="center" vertical="center" wrapText="1"/>
    </xf>
    <xf numFmtId="186" fontId="0" fillId="33" borderId="70" xfId="0" applyNumberFormat="1" applyFill="1" applyBorder="1" applyAlignment="1">
      <alignment horizontal="center" vertical="center" textRotation="255" wrapText="1"/>
    </xf>
    <xf numFmtId="186" fontId="0" fillId="33" borderId="71" xfId="0" applyNumberFormat="1" applyFill="1" applyBorder="1" applyAlignment="1">
      <alignment horizontal="center" vertical="center" textRotation="255" wrapText="1"/>
    </xf>
    <xf numFmtId="0" fontId="0" fillId="35" borderId="20" xfId="0" applyFill="1" applyBorder="1" applyAlignment="1">
      <alignment horizontal="center" vertical="center" wrapText="1"/>
    </xf>
    <xf numFmtId="0" fontId="0" fillId="35" borderId="18" xfId="0" applyFill="1" applyBorder="1" applyAlignment="1">
      <alignment horizontal="center" vertical="center" wrapText="1"/>
    </xf>
    <xf numFmtId="0" fontId="0" fillId="35" borderId="21" xfId="0" applyFill="1" applyBorder="1" applyAlignment="1">
      <alignment horizontal="center" vertical="center" wrapText="1"/>
    </xf>
    <xf numFmtId="0" fontId="58" fillId="25" borderId="35" xfId="0" applyFont="1" applyFill="1" applyBorder="1" applyAlignment="1">
      <alignment horizontal="center" vertical="center" wrapText="1"/>
    </xf>
    <xf numFmtId="0" fontId="0" fillId="0" borderId="20" xfId="0" applyBorder="1" applyAlignment="1">
      <alignment vertical="center" wrapText="1"/>
    </xf>
    <xf numFmtId="0" fontId="0" fillId="0" borderId="18" xfId="0" applyBorder="1" applyAlignment="1">
      <alignment vertical="center" wrapText="1"/>
    </xf>
    <xf numFmtId="0" fontId="0" fillId="0" borderId="21" xfId="0" applyBorder="1" applyAlignment="1">
      <alignment vertical="center" wrapText="1"/>
    </xf>
    <xf numFmtId="0" fontId="0" fillId="31" borderId="35" xfId="0" applyFill="1" applyBorder="1" applyAlignment="1">
      <alignment horizontal="left" vertical="center" wrapText="1"/>
    </xf>
    <xf numFmtId="0" fontId="93" fillId="0" borderId="0" xfId="0" applyFont="1" applyAlignment="1">
      <alignment horizontal="left" vertical="top" wrapText="1"/>
    </xf>
    <xf numFmtId="0" fontId="0" fillId="0" borderId="10" xfId="0" applyBorder="1" applyAlignment="1" applyProtection="1">
      <alignment horizontal="center"/>
      <protection locked="0"/>
    </xf>
    <xf numFmtId="0" fontId="0" fillId="0" borderId="35" xfId="0" applyBorder="1" applyAlignment="1">
      <alignment vertical="center" wrapText="1"/>
    </xf>
    <xf numFmtId="0" fontId="0" fillId="0" borderId="115" xfId="0" applyBorder="1" applyAlignment="1">
      <alignment horizontal="center" vertical="center"/>
    </xf>
    <xf numFmtId="0" fontId="0" fillId="0" borderId="36" xfId="0" applyBorder="1" applyAlignment="1">
      <alignment horizontal="center" vertical="center"/>
    </xf>
    <xf numFmtId="0" fontId="0" fillId="0" borderId="42" xfId="0" applyBorder="1" applyAlignment="1">
      <alignment vertical="center" wrapText="1"/>
    </xf>
    <xf numFmtId="0" fontId="0" fillId="0" borderId="43" xfId="0" applyBorder="1" applyAlignment="1">
      <alignment vertical="center" wrapText="1"/>
    </xf>
    <xf numFmtId="0" fontId="0" fillId="0" borderId="20" xfId="0" applyBorder="1" applyAlignment="1">
      <alignment horizontal="center"/>
    </xf>
    <xf numFmtId="0" fontId="0" fillId="0" borderId="18" xfId="0" applyBorder="1" applyAlignment="1">
      <alignment horizontal="center"/>
    </xf>
    <xf numFmtId="0" fontId="0" fillId="0" borderId="21" xfId="0" applyBorder="1" applyAlignment="1">
      <alignment horizontal="center"/>
    </xf>
    <xf numFmtId="0" fontId="0" fillId="0" borderId="14" xfId="0" applyBorder="1" applyAlignment="1">
      <alignment shrinkToFit="1"/>
    </xf>
    <xf numFmtId="0" fontId="0" fillId="0" borderId="19" xfId="0" applyBorder="1" applyAlignment="1">
      <alignment shrinkToFit="1"/>
    </xf>
    <xf numFmtId="0" fontId="0" fillId="0" borderId="163" xfId="0" applyBorder="1" applyAlignment="1">
      <alignment shrinkToFit="1"/>
    </xf>
    <xf numFmtId="0" fontId="0" fillId="0" borderId="132" xfId="0" applyBorder="1" applyAlignment="1">
      <alignment shrinkToFit="1"/>
    </xf>
    <xf numFmtId="0" fontId="0" fillId="0" borderId="98" xfId="0" applyBorder="1" applyAlignment="1">
      <alignment horizontal="center"/>
    </xf>
    <xf numFmtId="0" fontId="0" fillId="0" borderId="96" xfId="0" applyBorder="1" applyAlignment="1">
      <alignment horizontal="center"/>
    </xf>
    <xf numFmtId="0" fontId="0" fillId="0" borderId="165" xfId="0" applyBorder="1" applyAlignment="1">
      <alignment shrinkToFit="1"/>
    </xf>
    <xf numFmtId="0" fontId="0" fillId="0" borderId="47" xfId="0" applyBorder="1" applyAlignment="1">
      <alignment shrinkToFit="1"/>
    </xf>
    <xf numFmtId="0" fontId="44" fillId="0" borderId="20" xfId="55" applyFont="1" applyBorder="1" applyAlignment="1">
      <alignment horizontal="center" vertical="center" shrinkToFit="1"/>
    </xf>
    <xf numFmtId="0" fontId="44" fillId="0" borderId="21" xfId="55" applyFont="1" applyBorder="1" applyAlignment="1">
      <alignment horizontal="center" vertical="center" shrinkToFit="1"/>
    </xf>
    <xf numFmtId="0" fontId="31" fillId="24" borderId="20" xfId="53" applyFont="1" applyFill="1" applyBorder="1" applyAlignment="1">
      <alignment horizontal="center" vertical="center" wrapText="1"/>
    </xf>
    <xf numFmtId="0" fontId="29" fillId="24" borderId="18" xfId="53" applyFont="1" applyFill="1" applyBorder="1" applyAlignment="1">
      <alignment horizontal="center" vertical="center" wrapText="1"/>
    </xf>
    <xf numFmtId="0" fontId="29" fillId="24" borderId="21" xfId="53" applyFont="1" applyFill="1" applyBorder="1" applyAlignment="1">
      <alignment horizontal="center" vertical="center" wrapText="1"/>
    </xf>
    <xf numFmtId="0" fontId="31" fillId="24" borderId="33" xfId="53" applyFont="1" applyFill="1" applyBorder="1" applyAlignment="1">
      <alignment horizontal="center" vertical="center" wrapText="1"/>
    </xf>
    <xf numFmtId="0" fontId="29" fillId="24" borderId="10" xfId="53" applyFont="1" applyFill="1" applyBorder="1" applyAlignment="1">
      <alignment horizontal="center" vertical="center" wrapText="1"/>
    </xf>
    <xf numFmtId="0" fontId="29" fillId="24" borderId="32" xfId="53" applyFont="1" applyFill="1" applyBorder="1" applyAlignment="1">
      <alignment horizontal="center" vertical="center" wrapText="1"/>
    </xf>
    <xf numFmtId="0" fontId="34" fillId="24" borderId="20" xfId="53" applyFont="1" applyFill="1" applyBorder="1" applyAlignment="1">
      <alignment horizontal="center" vertical="center" wrapText="1"/>
    </xf>
    <xf numFmtId="0" fontId="33" fillId="24" borderId="18" xfId="53" applyFont="1" applyFill="1" applyBorder="1" applyAlignment="1">
      <alignment horizontal="center" vertical="center"/>
    </xf>
    <xf numFmtId="0" fontId="33" fillId="24" borderId="21" xfId="53" applyFont="1" applyFill="1" applyBorder="1" applyAlignment="1">
      <alignment horizontal="center" vertical="center"/>
    </xf>
    <xf numFmtId="0" fontId="0" fillId="0" borderId="10" xfId="55" applyFont="1" applyBorder="1" applyAlignment="1" applyProtection="1">
      <alignment horizontal="center" vertical="center"/>
      <protection locked="0"/>
    </xf>
    <xf numFmtId="0" fontId="6" fillId="0" borderId="10" xfId="55" applyBorder="1" applyAlignment="1" applyProtection="1">
      <alignment horizontal="center" vertical="center"/>
      <protection locked="0"/>
    </xf>
    <xf numFmtId="0" fontId="31" fillId="24" borderId="70" xfId="53" applyFont="1" applyFill="1" applyBorder="1" applyAlignment="1">
      <alignment horizontal="center" vertical="center" wrapText="1"/>
    </xf>
    <xf numFmtId="0" fontId="31" fillId="24" borderId="118" xfId="53" applyFont="1" applyFill="1" applyBorder="1" applyAlignment="1">
      <alignment horizontal="center" vertical="center" wrapText="1"/>
    </xf>
    <xf numFmtId="0" fontId="31" fillId="24" borderId="71" xfId="53" applyFont="1" applyFill="1" applyBorder="1" applyAlignment="1">
      <alignment horizontal="center" vertical="center" wrapText="1"/>
    </xf>
    <xf numFmtId="0" fontId="31" fillId="24" borderId="22" xfId="53" applyFont="1" applyFill="1" applyBorder="1" applyAlignment="1">
      <alignment horizontal="center" vertical="center" wrapText="1"/>
    </xf>
    <xf numFmtId="0" fontId="31" fillId="24" borderId="23" xfId="53" applyFont="1" applyFill="1" applyBorder="1" applyAlignment="1">
      <alignment horizontal="center" vertical="center" wrapText="1"/>
    </xf>
    <xf numFmtId="0" fontId="31" fillId="24" borderId="63" xfId="53" applyFont="1" applyFill="1" applyBorder="1" applyAlignment="1">
      <alignment horizontal="center" vertical="center" wrapText="1"/>
    </xf>
    <xf numFmtId="0" fontId="30" fillId="24" borderId="119" xfId="53" applyFont="1" applyFill="1" applyBorder="1" applyAlignment="1">
      <alignment horizontal="center" vertical="center" wrapText="1"/>
    </xf>
    <xf numFmtId="0" fontId="30" fillId="24" borderId="111" xfId="53" applyFont="1" applyFill="1" applyBorder="1" applyAlignment="1">
      <alignment horizontal="center" vertical="center" wrapText="1"/>
    </xf>
    <xf numFmtId="0" fontId="30" fillId="24" borderId="110" xfId="53" applyFont="1" applyFill="1" applyBorder="1" applyAlignment="1">
      <alignment horizontal="center" vertical="center" wrapText="1"/>
    </xf>
    <xf numFmtId="0" fontId="30" fillId="24" borderId="112" xfId="53" applyFont="1" applyFill="1" applyBorder="1" applyAlignment="1">
      <alignment horizontal="center" vertical="center" wrapText="1"/>
    </xf>
    <xf numFmtId="0" fontId="30" fillId="24" borderId="120" xfId="53" applyFont="1" applyFill="1" applyBorder="1" applyAlignment="1">
      <alignment horizontal="center" vertical="center" wrapText="1"/>
    </xf>
    <xf numFmtId="0" fontId="30" fillId="24" borderId="18" xfId="53" applyFont="1" applyFill="1" applyBorder="1" applyAlignment="1">
      <alignment horizontal="center" vertical="center" wrapText="1"/>
    </xf>
    <xf numFmtId="0" fontId="30" fillId="24" borderId="121" xfId="53" applyFont="1" applyFill="1" applyBorder="1" applyAlignment="1">
      <alignment horizontal="center" vertical="center" wrapText="1"/>
    </xf>
    <xf numFmtId="0" fontId="30" fillId="24" borderId="116" xfId="53" applyFont="1" applyFill="1" applyBorder="1" applyAlignment="1">
      <alignment horizontal="center" vertical="center" wrapText="1"/>
    </xf>
    <xf numFmtId="0" fontId="30" fillId="24" borderId="117" xfId="53" applyFont="1" applyFill="1" applyBorder="1" applyAlignment="1">
      <alignment horizontal="center" vertical="center" wrapText="1"/>
    </xf>
    <xf numFmtId="0" fontId="32" fillId="24" borderId="110" xfId="53" applyFont="1" applyFill="1" applyBorder="1" applyAlignment="1">
      <alignment horizontal="center" vertical="center" wrapText="1"/>
    </xf>
    <xf numFmtId="0" fontId="32" fillId="24" borderId="112" xfId="53" applyFont="1" applyFill="1" applyBorder="1" applyAlignment="1">
      <alignment horizontal="center" vertical="center" wrapText="1"/>
    </xf>
    <xf numFmtId="0" fontId="0" fillId="0" borderId="98" xfId="0" applyBorder="1" applyProtection="1">
      <protection locked="0"/>
    </xf>
    <xf numFmtId="0" fontId="0" fillId="0" borderId="97" xfId="0" applyBorder="1" applyProtection="1">
      <protection locked="0"/>
    </xf>
    <xf numFmtId="0" fontId="0" fillId="0" borderId="96" xfId="0" applyBorder="1" applyProtection="1">
      <protection locked="0"/>
    </xf>
    <xf numFmtId="0" fontId="41" fillId="0" borderId="14" xfId="0" applyFont="1" applyBorder="1" applyAlignment="1">
      <alignment vertical="center" wrapText="1"/>
    </xf>
    <xf numFmtId="0" fontId="41" fillId="0" borderId="21" xfId="0" applyFont="1" applyBorder="1" applyAlignment="1">
      <alignment vertical="center" wrapText="1"/>
    </xf>
    <xf numFmtId="0" fontId="41" fillId="0" borderId="126" xfId="0" applyFont="1" applyBorder="1" applyAlignment="1">
      <alignment vertical="center" wrapText="1"/>
    </xf>
    <xf numFmtId="0" fontId="41" fillId="0" borderId="127" xfId="0" applyFont="1" applyBorder="1" applyAlignment="1">
      <alignment vertical="center" wrapText="1"/>
    </xf>
    <xf numFmtId="0" fontId="0" fillId="0" borderId="92" xfId="0" applyBorder="1" applyAlignment="1">
      <alignment horizontal="center"/>
    </xf>
    <xf numFmtId="0" fontId="0" fillId="0" borderId="128" xfId="0" applyBorder="1" applyAlignment="1">
      <alignment horizontal="center"/>
    </xf>
    <xf numFmtId="0" fontId="0" fillId="0" borderId="10" xfId="49" applyFont="1" applyBorder="1" applyAlignment="1" applyProtection="1">
      <alignment horizontal="center"/>
      <protection locked="0"/>
    </xf>
    <xf numFmtId="0" fontId="6" fillId="0" borderId="10" xfId="49" applyBorder="1" applyAlignment="1" applyProtection="1">
      <alignment horizontal="center"/>
      <protection locked="0"/>
    </xf>
    <xf numFmtId="0" fontId="41" fillId="0" borderId="78" xfId="0" applyFont="1" applyBorder="1" applyAlignment="1">
      <alignment horizontal="center" vertical="center" wrapText="1"/>
    </xf>
    <xf numFmtId="0" fontId="41" fillId="0" borderId="129" xfId="0" applyFont="1" applyBorder="1" applyAlignment="1">
      <alignment horizontal="center" vertical="center" wrapText="1"/>
    </xf>
    <xf numFmtId="0" fontId="46" fillId="0" borderId="0" xfId="0" applyFont="1" applyAlignment="1">
      <alignment horizontal="left" shrinkToFit="1"/>
    </xf>
    <xf numFmtId="0" fontId="0" fillId="0" borderId="115" xfId="0" applyBorder="1" applyAlignment="1">
      <alignment horizontal="center" vertical="center" wrapText="1"/>
    </xf>
    <xf numFmtId="0" fontId="0" fillId="0" borderId="130" xfId="0" applyBorder="1" applyAlignment="1">
      <alignment horizontal="center" vertical="center" wrapText="1"/>
    </xf>
    <xf numFmtId="0" fontId="0" fillId="0" borderId="36" xfId="0" applyBorder="1" applyAlignment="1">
      <alignment horizontal="center" vertical="center" wrapText="1"/>
    </xf>
    <xf numFmtId="185" fontId="0" fillId="0" borderId="107" xfId="0" applyNumberFormat="1" applyBorder="1" applyAlignment="1" applyProtection="1">
      <alignment vertical="center"/>
      <protection locked="0"/>
    </xf>
    <xf numFmtId="185" fontId="0" fillId="0" borderId="131" xfId="0" applyNumberFormat="1" applyBorder="1" applyAlignment="1" applyProtection="1">
      <alignment vertical="center"/>
      <protection locked="0"/>
    </xf>
    <xf numFmtId="185" fontId="0" fillId="0" borderId="132" xfId="0" applyNumberFormat="1" applyBorder="1" applyAlignment="1" applyProtection="1">
      <alignment vertical="center"/>
      <protection locked="0"/>
    </xf>
    <xf numFmtId="0" fontId="41" fillId="0" borderId="122" xfId="0" applyFont="1" applyBorder="1" applyAlignment="1">
      <alignment vertical="center" wrapText="1"/>
    </xf>
    <xf numFmtId="0" fontId="41" fillId="0" borderId="63" xfId="0" applyFont="1" applyBorder="1" applyAlignment="1">
      <alignment vertical="center" wrapText="1"/>
    </xf>
    <xf numFmtId="0" fontId="0" fillId="0" borderId="33" xfId="0" applyBorder="1" applyAlignment="1">
      <alignment horizontal="left" vertical="center" wrapText="1"/>
    </xf>
    <xf numFmtId="0" fontId="0" fillId="0" borderId="10" xfId="0" applyBorder="1" applyAlignment="1">
      <alignment horizontal="left" vertical="center" wrapText="1"/>
    </xf>
    <xf numFmtId="0" fontId="0" fillId="0" borderId="34" xfId="0" applyBorder="1" applyAlignment="1">
      <alignment horizontal="left" vertical="center" wrapText="1"/>
    </xf>
    <xf numFmtId="0" fontId="0" fillId="0" borderId="123" xfId="0" applyBorder="1" applyAlignment="1">
      <alignment horizontal="center" vertical="center" wrapText="1"/>
    </xf>
    <xf numFmtId="0" fontId="0" fillId="0" borderId="124" xfId="0" applyBorder="1" applyAlignment="1">
      <alignment horizontal="center" vertical="center" wrapText="1"/>
    </xf>
    <xf numFmtId="0" fontId="0" fillId="0" borderId="125" xfId="0" applyBorder="1" applyAlignment="1">
      <alignment horizontal="center" vertical="center" wrapText="1"/>
    </xf>
    <xf numFmtId="0" fontId="97" fillId="0" borderId="0" xfId="55" applyFont="1" applyAlignment="1">
      <alignment vertical="center" shrinkToFit="1"/>
    </xf>
    <xf numFmtId="0" fontId="98" fillId="0" borderId="0" xfId="0" applyFont="1" applyAlignment="1">
      <alignment shrinkToFit="1"/>
    </xf>
    <xf numFmtId="0" fontId="98" fillId="0" borderId="114" xfId="0" applyFont="1" applyBorder="1" applyAlignment="1">
      <alignment shrinkToFit="1"/>
    </xf>
    <xf numFmtId="0" fontId="0" fillId="24" borderId="70" xfId="0" applyFill="1" applyBorder="1" applyAlignment="1">
      <alignment horizontal="center" vertical="center" wrapText="1"/>
    </xf>
    <xf numFmtId="0" fontId="0" fillId="24" borderId="71" xfId="0" applyFill="1" applyBorder="1" applyAlignment="1">
      <alignment horizontal="center" vertical="center"/>
    </xf>
    <xf numFmtId="0" fontId="0" fillId="24" borderId="20" xfId="0" applyFill="1" applyBorder="1" applyAlignment="1">
      <alignment horizontal="center" vertical="center" shrinkToFit="1"/>
    </xf>
    <xf numFmtId="0" fontId="0" fillId="24" borderId="18" xfId="0" applyFill="1" applyBorder="1" applyAlignment="1">
      <alignment horizontal="center" vertical="center" shrinkToFit="1"/>
    </xf>
    <xf numFmtId="0" fontId="0" fillId="24" borderId="21" xfId="0" applyFill="1" applyBorder="1" applyAlignment="1">
      <alignment horizontal="center" vertical="center" shrinkToFit="1"/>
    </xf>
    <xf numFmtId="0" fontId="0" fillId="32" borderId="35" xfId="0" applyFill="1" applyBorder="1" applyAlignment="1">
      <alignment horizontal="center" vertical="center"/>
    </xf>
    <xf numFmtId="0" fontId="0" fillId="24" borderId="20" xfId="0" applyFill="1" applyBorder="1" applyAlignment="1">
      <alignment horizontal="center" vertical="center"/>
    </xf>
    <xf numFmtId="0" fontId="0" fillId="24" borderId="18" xfId="0" applyFill="1" applyBorder="1" applyAlignment="1">
      <alignment horizontal="center" vertical="center"/>
    </xf>
    <xf numFmtId="0" fontId="0" fillId="24" borderId="21" xfId="0" applyFill="1" applyBorder="1" applyAlignment="1">
      <alignment horizontal="center" vertical="center"/>
    </xf>
    <xf numFmtId="0" fontId="0" fillId="0" borderId="0" xfId="0" applyAlignment="1">
      <alignment horizontal="left" vertical="top" wrapText="1"/>
    </xf>
    <xf numFmtId="0" fontId="55" fillId="0" borderId="0" xfId="0" applyFont="1" applyAlignment="1">
      <alignment vertical="center" wrapText="1"/>
    </xf>
    <xf numFmtId="0" fontId="0" fillId="0" borderId="0" xfId="0" applyAlignment="1">
      <alignment vertical="center"/>
    </xf>
    <xf numFmtId="0" fontId="0" fillId="0" borderId="16" xfId="0" applyBorder="1" applyAlignment="1">
      <alignment horizontal="center" vertical="center" wrapText="1"/>
    </xf>
    <xf numFmtId="0" fontId="0" fillId="0" borderId="66" xfId="0" applyBorder="1" applyAlignment="1">
      <alignment horizontal="center" vertical="center" wrapText="1"/>
    </xf>
    <xf numFmtId="0" fontId="0" fillId="0" borderId="95" xfId="0" applyBorder="1" applyAlignment="1">
      <alignment vertical="center" wrapText="1"/>
    </xf>
    <xf numFmtId="0" fontId="0" fillId="0" borderId="67" xfId="0" applyBorder="1" applyAlignment="1">
      <alignment vertical="center" wrapText="1"/>
    </xf>
    <xf numFmtId="0" fontId="0" fillId="0" borderId="141" xfId="0" applyBorder="1" applyAlignment="1">
      <alignment vertical="center" wrapText="1"/>
    </xf>
    <xf numFmtId="0" fontId="0" fillId="0" borderId="162" xfId="0" applyBorder="1" applyAlignment="1">
      <alignment vertical="center" wrapText="1"/>
    </xf>
    <xf numFmtId="185" fontId="0" fillId="0" borderId="98" xfId="0" applyNumberFormat="1" applyBorder="1" applyAlignment="1" applyProtection="1">
      <alignment horizontal="center" vertical="center" wrapText="1"/>
      <protection locked="0"/>
    </xf>
    <xf numFmtId="185" fontId="0" fillId="0" borderId="96" xfId="0" applyNumberFormat="1" applyBorder="1" applyAlignment="1" applyProtection="1">
      <alignment horizontal="center" vertical="center" wrapText="1"/>
      <protection locked="0"/>
    </xf>
    <xf numFmtId="0" fontId="0" fillId="0" borderId="98" xfId="0" applyBorder="1" applyAlignment="1">
      <alignment vertical="center" wrapText="1"/>
    </xf>
    <xf numFmtId="0" fontId="0" fillId="0" borderId="97" xfId="0" applyBorder="1"/>
    <xf numFmtId="0" fontId="0" fillId="0" borderId="98" xfId="0" applyBorder="1" applyAlignment="1">
      <alignment horizontal="center" vertical="center"/>
    </xf>
    <xf numFmtId="0" fontId="0" fillId="0" borderId="97" xfId="0" applyBorder="1" applyAlignment="1">
      <alignment horizontal="center" vertical="center"/>
    </xf>
    <xf numFmtId="0" fontId="41" fillId="0" borderId="46" xfId="0" applyFont="1" applyBorder="1" applyAlignment="1">
      <alignment vertical="center" wrapText="1"/>
    </xf>
    <xf numFmtId="0" fontId="41" fillId="0" borderId="18" xfId="0" applyFont="1" applyBorder="1" applyAlignment="1">
      <alignment vertical="center" wrapText="1"/>
    </xf>
    <xf numFmtId="0" fontId="41" fillId="0" borderId="131" xfId="0" applyFont="1" applyBorder="1" applyAlignment="1">
      <alignment vertical="center" wrapText="1"/>
    </xf>
    <xf numFmtId="0" fontId="0" fillId="0" borderId="138" xfId="0" applyBorder="1" applyAlignment="1">
      <alignment horizontal="center" vertical="center"/>
    </xf>
    <xf numFmtId="0" fontId="0" fillId="0" borderId="90" xfId="0" applyBorder="1" applyAlignment="1">
      <alignment horizontal="center" vertical="center"/>
    </xf>
    <xf numFmtId="0" fontId="0" fillId="0" borderId="140" xfId="0" applyBorder="1" applyAlignment="1" applyProtection="1">
      <alignment vertical="top" wrapText="1"/>
      <protection locked="0"/>
    </xf>
    <xf numFmtId="0" fontId="0" fillId="0" borderId="68" xfId="0" applyBorder="1" applyAlignment="1" applyProtection="1">
      <alignment vertical="top" wrapText="1"/>
      <protection locked="0"/>
    </xf>
    <xf numFmtId="0" fontId="0" fillId="0" borderId="151" xfId="0" applyBorder="1" applyAlignment="1" applyProtection="1">
      <alignment vertical="top" wrapText="1"/>
      <protection locked="0"/>
    </xf>
    <xf numFmtId="0" fontId="0" fillId="36" borderId="138" xfId="0" applyFill="1" applyBorder="1"/>
    <xf numFmtId="0" fontId="0" fillId="36" borderId="90" xfId="0" applyFill="1" applyBorder="1"/>
    <xf numFmtId="0" fontId="0" fillId="36" borderId="91" xfId="0" applyFill="1" applyBorder="1"/>
    <xf numFmtId="0" fontId="0" fillId="32" borderId="138" xfId="0" applyFill="1" applyBorder="1"/>
    <xf numFmtId="0" fontId="0" fillId="32" borderId="90" xfId="0" applyFill="1" applyBorder="1"/>
    <xf numFmtId="0" fontId="0" fillId="32" borderId="91" xfId="0" applyFill="1" applyBorder="1"/>
    <xf numFmtId="0" fontId="0" fillId="0" borderId="10" xfId="49" applyFont="1" applyBorder="1" applyAlignment="1">
      <alignment horizontal="center"/>
    </xf>
    <xf numFmtId="0" fontId="6" fillId="0" borderId="10" xfId="49" applyBorder="1" applyAlignment="1">
      <alignment horizontal="center"/>
    </xf>
    <xf numFmtId="0" fontId="33" fillId="0" borderId="48" xfId="0" applyFont="1" applyBorder="1" applyAlignment="1" applyProtection="1">
      <alignment vertical="center" wrapText="1"/>
      <protection locked="0"/>
    </xf>
    <xf numFmtId="0" fontId="0" fillId="0" borderId="49" xfId="0" applyBorder="1" applyAlignment="1" applyProtection="1">
      <alignment vertical="center" wrapText="1"/>
      <protection locked="0"/>
    </xf>
    <xf numFmtId="0" fontId="0" fillId="0" borderId="51" xfId="0" applyBorder="1" applyAlignment="1" applyProtection="1">
      <alignment vertical="center" wrapText="1"/>
      <protection locked="0"/>
    </xf>
    <xf numFmtId="0" fontId="6" fillId="24" borderId="133" xfId="49" applyFill="1" applyBorder="1" applyAlignment="1">
      <alignment horizontal="center" vertical="center"/>
    </xf>
    <xf numFmtId="0" fontId="6" fillId="24" borderId="134" xfId="49" applyFill="1" applyBorder="1" applyAlignment="1">
      <alignment horizontal="center" vertical="center"/>
    </xf>
    <xf numFmtId="0" fontId="6" fillId="24" borderId="135" xfId="49" applyFill="1" applyBorder="1" applyAlignment="1">
      <alignment horizontal="center" vertical="center"/>
    </xf>
    <xf numFmtId="0" fontId="34" fillId="24" borderId="25" xfId="0" applyFont="1" applyFill="1" applyBorder="1" applyAlignment="1">
      <alignment horizontal="left" vertical="center" wrapText="1"/>
    </xf>
    <xf numFmtId="0" fontId="34" fillId="24" borderId="12" xfId="0" applyFont="1" applyFill="1" applyBorder="1" applyAlignment="1">
      <alignment horizontal="left" vertical="center" wrapText="1"/>
    </xf>
    <xf numFmtId="0" fontId="34" fillId="24" borderId="11" xfId="0" applyFont="1" applyFill="1" applyBorder="1" applyAlignment="1">
      <alignment horizontal="left" vertical="center" wrapText="1"/>
    </xf>
    <xf numFmtId="0" fontId="33" fillId="0" borderId="52" xfId="0" applyFont="1" applyBorder="1" applyAlignment="1" applyProtection="1">
      <alignment vertical="center" wrapText="1"/>
      <protection locked="0"/>
    </xf>
    <xf numFmtId="0" fontId="0" fillId="0" borderId="53" xfId="0" applyBorder="1" applyAlignment="1" applyProtection="1">
      <alignment vertical="center" wrapText="1"/>
      <protection locked="0"/>
    </xf>
    <xf numFmtId="0" fontId="0" fillId="0" borderId="55" xfId="0" applyBorder="1" applyAlignment="1" applyProtection="1">
      <alignment vertical="center" wrapText="1"/>
      <protection locked="0"/>
    </xf>
    <xf numFmtId="0" fontId="34" fillId="24" borderId="25" xfId="0" applyFont="1" applyFill="1" applyBorder="1" applyAlignment="1">
      <alignment horizontal="center" vertical="center" wrapText="1"/>
    </xf>
    <xf numFmtId="0" fontId="34" fillId="24" borderId="12" xfId="0" applyFont="1" applyFill="1" applyBorder="1" applyAlignment="1">
      <alignment horizontal="center" vertical="center" wrapText="1"/>
    </xf>
    <xf numFmtId="0" fontId="34" fillId="24" borderId="66" xfId="0" applyFont="1" applyFill="1" applyBorder="1" applyAlignment="1">
      <alignment horizontal="center" vertical="center" wrapText="1"/>
    </xf>
    <xf numFmtId="0" fontId="33" fillId="0" borderId="49" xfId="0" applyFont="1" applyBorder="1" applyAlignment="1" applyProtection="1">
      <alignment vertical="center" wrapText="1"/>
      <protection locked="0"/>
    </xf>
    <xf numFmtId="0" fontId="33" fillId="0" borderId="53" xfId="0" applyFont="1" applyBorder="1" applyAlignment="1" applyProtection="1">
      <alignment vertical="center" wrapText="1"/>
      <protection locked="0"/>
    </xf>
    <xf numFmtId="0" fontId="34" fillId="24" borderId="25" xfId="0" applyFont="1" applyFill="1" applyBorder="1" applyAlignment="1">
      <alignment horizontal="center" vertical="center"/>
    </xf>
    <xf numFmtId="0" fontId="34" fillId="24" borderId="12" xfId="0" applyFont="1" applyFill="1" applyBorder="1" applyAlignment="1">
      <alignment horizontal="center" vertical="center"/>
    </xf>
    <xf numFmtId="0" fontId="34" fillId="24" borderId="11" xfId="0" applyFont="1" applyFill="1" applyBorder="1" applyAlignment="1">
      <alignment horizontal="center" vertical="center"/>
    </xf>
    <xf numFmtId="0" fontId="34" fillId="24" borderId="17" xfId="0" applyFont="1" applyFill="1" applyBorder="1" applyAlignment="1">
      <alignment vertical="center" wrapText="1"/>
    </xf>
    <xf numFmtId="0" fontId="34" fillId="24" borderId="25" xfId="0" applyFont="1" applyFill="1" applyBorder="1" applyAlignment="1">
      <alignment vertical="center" wrapText="1"/>
    </xf>
    <xf numFmtId="0" fontId="33" fillId="0" borderId="57" xfId="0" applyFont="1" applyBorder="1" applyAlignment="1" applyProtection="1">
      <alignment vertical="center" wrapText="1"/>
      <protection locked="0"/>
    </xf>
    <xf numFmtId="0" fontId="0" fillId="0" borderId="146" xfId="0" applyBorder="1" applyAlignment="1" applyProtection="1">
      <alignment vertical="center" wrapText="1"/>
      <protection locked="0"/>
    </xf>
    <xf numFmtId="0" fontId="0" fillId="0" borderId="147" xfId="0" applyBorder="1" applyAlignment="1" applyProtection="1">
      <alignment vertical="center" wrapText="1"/>
      <protection locked="0"/>
    </xf>
    <xf numFmtId="0" fontId="32" fillId="0" borderId="45" xfId="0" applyFont="1" applyBorder="1" applyAlignment="1" applyProtection="1">
      <alignment horizontal="center" vertical="center"/>
      <protection locked="0"/>
    </xf>
    <xf numFmtId="0" fontId="32" fillId="0" borderId="46" xfId="0" applyFont="1" applyBorder="1" applyAlignment="1" applyProtection="1">
      <alignment horizontal="center" vertical="center"/>
      <protection locked="0"/>
    </xf>
    <xf numFmtId="0" fontId="32" fillId="0" borderId="47" xfId="0" applyFont="1" applyBorder="1" applyAlignment="1" applyProtection="1">
      <alignment horizontal="center" vertical="center"/>
      <protection locked="0"/>
    </xf>
    <xf numFmtId="0" fontId="33" fillId="0" borderId="18" xfId="0" applyFont="1" applyBorder="1" applyAlignment="1" applyProtection="1">
      <alignment horizontal="center" vertical="center"/>
      <protection locked="0"/>
    </xf>
    <xf numFmtId="0" fontId="33" fillId="0" borderId="21" xfId="0" applyFont="1" applyBorder="1" applyAlignment="1" applyProtection="1">
      <alignment horizontal="center" vertical="center"/>
      <protection locked="0"/>
    </xf>
    <xf numFmtId="0" fontId="33" fillId="0" borderId="19" xfId="0" applyFont="1" applyBorder="1" applyAlignment="1" applyProtection="1">
      <alignment horizontal="center" vertical="center"/>
      <protection locked="0"/>
    </xf>
    <xf numFmtId="0" fontId="47" fillId="0" borderId="0" xfId="45" applyFont="1" applyAlignment="1">
      <alignment shrinkToFit="1"/>
    </xf>
    <xf numFmtId="0" fontId="47" fillId="0" borderId="0" xfId="0" applyFont="1" applyAlignment="1">
      <alignment shrinkToFit="1"/>
    </xf>
    <xf numFmtId="0" fontId="47" fillId="0" borderId="114" xfId="0" applyFont="1" applyBorder="1" applyAlignment="1">
      <alignment shrinkToFit="1"/>
    </xf>
    <xf numFmtId="0" fontId="33" fillId="0" borderId="146" xfId="0" applyFont="1" applyBorder="1" applyAlignment="1" applyProtection="1">
      <alignment vertical="center" wrapText="1"/>
      <protection locked="0"/>
    </xf>
    <xf numFmtId="0" fontId="0" fillId="0" borderId="10" xfId="57" applyFont="1" applyBorder="1" applyAlignment="1">
      <alignment horizontal="center" vertical="center"/>
    </xf>
    <xf numFmtId="0" fontId="6" fillId="0" borderId="10" xfId="57" applyBorder="1" applyAlignment="1">
      <alignment horizontal="center" vertical="center"/>
    </xf>
    <xf numFmtId="0" fontId="0" fillId="0" borderId="115" xfId="0" applyBorder="1" applyAlignment="1">
      <alignment horizontal="center"/>
    </xf>
    <xf numFmtId="0" fontId="0" fillId="0" borderId="130" xfId="0" applyBorder="1" applyAlignment="1">
      <alignment horizontal="center"/>
    </xf>
    <xf numFmtId="0" fontId="41" fillId="0" borderId="66" xfId="0" applyFont="1" applyBorder="1" applyAlignment="1">
      <alignment vertical="center" wrapText="1"/>
    </xf>
    <xf numFmtId="0" fontId="41" fillId="0" borderId="67" xfId="0" applyFont="1" applyBorder="1" applyAlignment="1">
      <alignment vertical="center" wrapText="1"/>
    </xf>
    <xf numFmtId="0" fontId="0" fillId="0" borderId="98" xfId="0" applyBorder="1" applyAlignment="1" applyProtection="1">
      <alignment vertical="top"/>
      <protection locked="0"/>
    </xf>
    <xf numFmtId="0" fontId="0" fillId="0" borderId="97" xfId="0" applyBorder="1" applyAlignment="1" applyProtection="1">
      <alignment vertical="top"/>
      <protection locked="0"/>
    </xf>
    <xf numFmtId="0" fontId="0" fillId="0" borderId="96" xfId="0" applyBorder="1" applyAlignment="1" applyProtection="1">
      <alignment vertical="top"/>
      <protection locked="0"/>
    </xf>
    <xf numFmtId="0" fontId="90" fillId="0" borderId="0" xfId="57" applyFont="1" applyAlignment="1">
      <alignment vertical="center" wrapText="1"/>
    </xf>
    <xf numFmtId="0" fontId="90" fillId="0" borderId="0" xfId="0" applyFont="1" applyAlignment="1">
      <alignment vertical="center" wrapText="1"/>
    </xf>
    <xf numFmtId="0" fontId="121" fillId="35" borderId="133" xfId="59" applyFont="1" applyFill="1" applyBorder="1" applyAlignment="1">
      <alignment horizontal="center" vertical="center" textRotation="255"/>
    </xf>
    <xf numFmtId="0" fontId="0" fillId="0" borderId="134" xfId="0" applyBorder="1" applyAlignment="1">
      <alignment horizontal="center" vertical="center" textRotation="255"/>
    </xf>
    <xf numFmtId="0" fontId="0" fillId="0" borderId="135" xfId="0" applyBorder="1" applyAlignment="1">
      <alignment horizontal="center" vertical="center" textRotation="255"/>
    </xf>
    <xf numFmtId="203" fontId="122" fillId="0" borderId="35" xfId="34" applyNumberFormat="1" applyFont="1" applyBorder="1" applyAlignment="1">
      <alignment vertical="center" shrinkToFit="1"/>
    </xf>
    <xf numFmtId="203" fontId="122" fillId="0" borderId="76" xfId="34" applyNumberFormat="1" applyFont="1" applyBorder="1" applyAlignment="1">
      <alignment vertical="center" shrinkToFit="1"/>
    </xf>
    <xf numFmtId="0" fontId="32" fillId="0" borderId="186" xfId="0" applyFont="1" applyBorder="1" applyAlignment="1">
      <alignment vertical="center" shrinkToFit="1"/>
    </xf>
    <xf numFmtId="0" fontId="0" fillId="0" borderId="187" xfId="0" applyBorder="1" applyAlignment="1">
      <alignment vertical="center" shrinkToFit="1"/>
    </xf>
    <xf numFmtId="0" fontId="32" fillId="0" borderId="64" xfId="0" applyFont="1" applyBorder="1" applyAlignment="1">
      <alignment vertical="center"/>
    </xf>
    <xf numFmtId="0" fontId="0" fillId="0" borderId="114" xfId="0" applyBorder="1" applyAlignment="1">
      <alignment vertical="center"/>
    </xf>
    <xf numFmtId="0" fontId="0" fillId="31" borderId="70" xfId="0" applyFill="1" applyBorder="1" applyAlignment="1">
      <alignment horizontal="center" vertical="center" wrapText="1"/>
    </xf>
    <xf numFmtId="0" fontId="0" fillId="0" borderId="67" xfId="0" applyBorder="1" applyAlignment="1">
      <alignment horizontal="center" vertical="center" wrapText="1"/>
    </xf>
    <xf numFmtId="0" fontId="56" fillId="31" borderId="138" xfId="0" applyFont="1" applyFill="1" applyBorder="1" applyAlignment="1">
      <alignment horizontal="center" vertical="center" wrapText="1"/>
    </xf>
    <xf numFmtId="0" fontId="56" fillId="31" borderId="207" xfId="0" applyFont="1" applyFill="1" applyBorder="1" applyAlignment="1">
      <alignment horizontal="center" vertical="center" wrapText="1"/>
    </xf>
    <xf numFmtId="0" fontId="0" fillId="0" borderId="118" xfId="0" applyBorder="1" applyAlignment="1">
      <alignment horizontal="center" vertical="center" wrapText="1"/>
    </xf>
    <xf numFmtId="0" fontId="0" fillId="0" borderId="71" xfId="0" applyBorder="1" applyAlignment="1">
      <alignment horizontal="center" vertical="center" wrapText="1"/>
    </xf>
    <xf numFmtId="0" fontId="0" fillId="31" borderId="12" xfId="0" applyFill="1" applyBorder="1" applyAlignment="1">
      <alignment horizontal="center" vertical="center" wrapText="1"/>
    </xf>
    <xf numFmtId="0" fontId="0" fillId="0" borderId="12" xfId="0" applyBorder="1" applyAlignment="1">
      <alignment horizontal="center" vertical="center" wrapText="1"/>
    </xf>
    <xf numFmtId="204" fontId="122" fillId="0" borderId="70" xfId="34" applyNumberFormat="1" applyFont="1" applyBorder="1" applyAlignment="1">
      <alignment vertical="center" shrinkToFit="1"/>
    </xf>
    <xf numFmtId="0" fontId="0" fillId="0" borderId="19" xfId="0" applyBorder="1" applyAlignment="1">
      <alignment vertical="center" wrapText="1"/>
    </xf>
    <xf numFmtId="0" fontId="56" fillId="32" borderId="45" xfId="0" applyFont="1" applyFill="1" applyBorder="1" applyAlignment="1">
      <alignment horizontal="center" vertical="center"/>
    </xf>
    <xf numFmtId="0" fontId="56" fillId="32" borderId="46" xfId="0" applyFont="1" applyFill="1" applyBorder="1" applyAlignment="1">
      <alignment horizontal="center" vertical="center"/>
    </xf>
    <xf numFmtId="0" fontId="90" fillId="32" borderId="63" xfId="0" applyFont="1" applyFill="1" applyBorder="1" applyAlignment="1">
      <alignment horizontal="center" vertical="center" wrapText="1"/>
    </xf>
    <xf numFmtId="0" fontId="90" fillId="32" borderId="65" xfId="0" applyFont="1" applyFill="1" applyBorder="1" applyAlignment="1">
      <alignment horizontal="center" vertical="center" wrapText="1"/>
    </xf>
    <xf numFmtId="0" fontId="90" fillId="32" borderId="32" xfId="0" applyFont="1" applyFill="1" applyBorder="1" applyAlignment="1">
      <alignment horizontal="center" vertical="center" wrapText="1"/>
    </xf>
    <xf numFmtId="0" fontId="90" fillId="32" borderId="22" xfId="0" applyFont="1" applyFill="1" applyBorder="1" applyAlignment="1">
      <alignment horizontal="center" vertical="center" wrapText="1"/>
    </xf>
    <xf numFmtId="0" fontId="90" fillId="32" borderId="64" xfId="0" applyFont="1" applyFill="1" applyBorder="1" applyAlignment="1">
      <alignment horizontal="center" vertical="center" wrapText="1"/>
    </xf>
    <xf numFmtId="0" fontId="90" fillId="32" borderId="33" xfId="0" applyFont="1" applyFill="1" applyBorder="1" applyAlignment="1">
      <alignment horizontal="center" vertical="center" wrapText="1"/>
    </xf>
    <xf numFmtId="0" fontId="0" fillId="32" borderId="65" xfId="0" applyFill="1" applyBorder="1" applyAlignment="1">
      <alignment horizontal="center" vertical="center" wrapText="1"/>
    </xf>
    <xf numFmtId="0" fontId="0" fillId="32" borderId="164" xfId="0" applyFill="1" applyBorder="1" applyAlignment="1">
      <alignment horizontal="center" vertical="center" wrapText="1"/>
    </xf>
    <xf numFmtId="0" fontId="39" fillId="32" borderId="22" xfId="0" applyFont="1" applyFill="1" applyBorder="1" applyAlignment="1">
      <alignment horizontal="center" vertical="center" wrapText="1"/>
    </xf>
    <xf numFmtId="0" fontId="39" fillId="32" borderId="65" xfId="0" applyFont="1" applyFill="1" applyBorder="1" applyAlignment="1">
      <alignment horizontal="center" vertical="center" wrapText="1"/>
    </xf>
    <xf numFmtId="0" fontId="39" fillId="32" borderId="64" xfId="0" applyFont="1" applyFill="1" applyBorder="1" applyAlignment="1">
      <alignment horizontal="center" vertical="center" wrapText="1"/>
    </xf>
    <xf numFmtId="0" fontId="39" fillId="32" borderId="33" xfId="0" applyFont="1" applyFill="1" applyBorder="1" applyAlignment="1">
      <alignment horizontal="center" vertical="center" wrapText="1"/>
    </xf>
    <xf numFmtId="0" fontId="39" fillId="32" borderId="32" xfId="0" applyFont="1" applyFill="1" applyBorder="1" applyAlignment="1">
      <alignment horizontal="center" vertical="center" wrapText="1"/>
    </xf>
    <xf numFmtId="0" fontId="32" fillId="32" borderId="20" xfId="0" applyFont="1" applyFill="1" applyBorder="1" applyAlignment="1">
      <alignment vertical="center" wrapText="1"/>
    </xf>
    <xf numFmtId="0" fontId="32" fillId="32" borderId="18" xfId="0" applyFont="1" applyFill="1" applyBorder="1" applyAlignment="1">
      <alignment vertical="center" wrapText="1"/>
    </xf>
    <xf numFmtId="0" fontId="32" fillId="32" borderId="70" xfId="0" applyFont="1" applyFill="1" applyBorder="1" applyAlignment="1">
      <alignment horizontal="center" vertical="center" wrapText="1"/>
    </xf>
    <xf numFmtId="0" fontId="32" fillId="32" borderId="67" xfId="0" applyFont="1" applyFill="1" applyBorder="1" applyAlignment="1">
      <alignment horizontal="center" vertical="center" wrapText="1"/>
    </xf>
    <xf numFmtId="0" fontId="32" fillId="32" borderId="107" xfId="0" applyFont="1" applyFill="1" applyBorder="1" applyAlignment="1">
      <alignment vertical="center" wrapText="1"/>
    </xf>
    <xf numFmtId="0" fontId="32" fillId="32" borderId="131" xfId="0" applyFont="1" applyFill="1" applyBorder="1" applyAlignment="1">
      <alignment vertical="center" wrapText="1"/>
    </xf>
    <xf numFmtId="0" fontId="0" fillId="0" borderId="107" xfId="0" applyBorder="1" applyAlignment="1">
      <alignment vertical="center" wrapText="1"/>
    </xf>
    <xf numFmtId="0" fontId="0" fillId="0" borderId="131" xfId="0" applyBorder="1" applyAlignment="1">
      <alignment vertical="center" wrapText="1"/>
    </xf>
    <xf numFmtId="0" fontId="0" fillId="0" borderId="151" xfId="0" applyBorder="1" applyAlignment="1">
      <alignment vertical="center" wrapText="1"/>
    </xf>
    <xf numFmtId="0" fontId="39" fillId="32" borderId="70" xfId="0" applyFont="1" applyFill="1" applyBorder="1" applyAlignment="1">
      <alignment horizontal="center" vertical="center" wrapText="1"/>
    </xf>
    <xf numFmtId="0" fontId="39" fillId="32" borderId="118" xfId="0" applyFont="1" applyFill="1" applyBorder="1" applyAlignment="1">
      <alignment horizontal="center" vertical="center" wrapText="1"/>
    </xf>
    <xf numFmtId="0" fontId="0" fillId="0" borderId="24" xfId="0" applyBorder="1" applyAlignment="1">
      <alignment vertical="center" wrapText="1"/>
    </xf>
    <xf numFmtId="0" fontId="118" fillId="0" borderId="0" xfId="57" applyFont="1" applyAlignment="1">
      <alignment horizontal="center" vertical="center"/>
    </xf>
    <xf numFmtId="0" fontId="121" fillId="42" borderId="133" xfId="59" applyFont="1" applyFill="1" applyBorder="1" applyAlignment="1">
      <alignment horizontal="center" vertical="center" textRotation="255"/>
    </xf>
    <xf numFmtId="0" fontId="121" fillId="42" borderId="134" xfId="59" applyFont="1" applyFill="1" applyBorder="1" applyAlignment="1">
      <alignment horizontal="center" vertical="center" textRotation="255"/>
    </xf>
    <xf numFmtId="0" fontId="121" fillId="42" borderId="135" xfId="59" applyFont="1" applyFill="1" applyBorder="1" applyAlignment="1">
      <alignment horizontal="center" vertical="center" textRotation="255"/>
    </xf>
    <xf numFmtId="176" fontId="0" fillId="0" borderId="192" xfId="0" applyNumberFormat="1" applyBorder="1" applyAlignment="1">
      <alignment horizontal="center" vertical="center"/>
    </xf>
    <xf numFmtId="176" fontId="0" fillId="0" borderId="201" xfId="0" applyNumberFormat="1" applyBorder="1" applyAlignment="1">
      <alignment horizontal="center" vertical="center"/>
    </xf>
    <xf numFmtId="176" fontId="0" fillId="0" borderId="217" xfId="0" applyNumberFormat="1" applyBorder="1" applyAlignment="1">
      <alignment horizontal="center" vertical="center"/>
    </xf>
    <xf numFmtId="0" fontId="39" fillId="39" borderId="20" xfId="0" applyFont="1" applyFill="1" applyBorder="1" applyAlignment="1">
      <alignment horizontal="left" vertical="center" wrapText="1"/>
    </xf>
    <xf numFmtId="0" fontId="39" fillId="39" borderId="18" xfId="0" applyFont="1" applyFill="1" applyBorder="1" applyAlignment="1">
      <alignment horizontal="left" vertical="center" wrapText="1"/>
    </xf>
    <xf numFmtId="0" fontId="0" fillId="39" borderId="18" xfId="0" applyFill="1" applyBorder="1" applyAlignment="1">
      <alignment horizontal="left" vertical="center" wrapText="1"/>
    </xf>
    <xf numFmtId="176" fontId="0" fillId="0" borderId="190" xfId="0" applyNumberFormat="1" applyBorder="1" applyAlignment="1">
      <alignment horizontal="center" vertical="center" shrinkToFit="1"/>
    </xf>
    <xf numFmtId="176" fontId="0" fillId="0" borderId="191" xfId="0" applyNumberFormat="1" applyBorder="1" applyAlignment="1">
      <alignment horizontal="center" vertical="center" shrinkToFit="1"/>
    </xf>
    <xf numFmtId="0" fontId="39" fillId="39" borderId="22" xfId="0" applyFont="1" applyFill="1" applyBorder="1" applyAlignment="1">
      <alignment horizontal="left" vertical="center" wrapText="1"/>
    </xf>
    <xf numFmtId="0" fontId="39" fillId="39" borderId="23" xfId="0" applyFont="1" applyFill="1" applyBorder="1" applyAlignment="1">
      <alignment horizontal="left" vertical="center" wrapText="1"/>
    </xf>
    <xf numFmtId="0" fontId="0" fillId="39" borderId="23" xfId="0" applyFill="1" applyBorder="1" applyAlignment="1">
      <alignment horizontal="left" vertical="center" wrapText="1"/>
    </xf>
    <xf numFmtId="176" fontId="0" fillId="0" borderId="186" xfId="0" applyNumberFormat="1" applyBorder="1" applyAlignment="1">
      <alignment horizontal="center" vertical="center"/>
    </xf>
    <xf numFmtId="176" fontId="0" fillId="0" borderId="187" xfId="0" applyNumberFormat="1" applyBorder="1" applyAlignment="1">
      <alignment horizontal="center" vertical="center"/>
    </xf>
    <xf numFmtId="0" fontId="0" fillId="39" borderId="200" xfId="0" applyFill="1" applyBorder="1" applyAlignment="1">
      <alignment horizontal="center" vertical="center" wrapText="1"/>
    </xf>
    <xf numFmtId="0" fontId="0" fillId="39" borderId="201" xfId="0" applyFill="1" applyBorder="1" applyAlignment="1">
      <alignment horizontal="center" vertical="center" wrapText="1"/>
    </xf>
    <xf numFmtId="0" fontId="0" fillId="39" borderId="202" xfId="0" applyFill="1" applyBorder="1" applyAlignment="1">
      <alignment horizontal="center" vertical="center" wrapText="1"/>
    </xf>
    <xf numFmtId="0" fontId="126" fillId="44" borderId="21" xfId="59" applyFont="1" applyFill="1" applyBorder="1" applyAlignment="1">
      <alignment horizontal="center" vertical="center" wrapText="1"/>
    </xf>
    <xf numFmtId="0" fontId="126" fillId="44" borderId="35" xfId="59" applyFont="1" applyFill="1" applyBorder="1" applyAlignment="1">
      <alignment horizontal="center" vertical="center" wrapText="1"/>
    </xf>
    <xf numFmtId="0" fontId="126" fillId="44" borderId="43" xfId="59" applyFont="1" applyFill="1" applyBorder="1" applyAlignment="1">
      <alignment horizontal="center" vertical="center" wrapText="1"/>
    </xf>
    <xf numFmtId="195" fontId="122" fillId="44" borderId="14" xfId="59" applyNumberFormat="1" applyFont="1" applyFill="1" applyBorder="1" applyAlignment="1">
      <alignment horizontal="center" vertical="center" wrapText="1"/>
    </xf>
    <xf numFmtId="195" fontId="122" fillId="44" borderId="21" xfId="59" applyNumberFormat="1" applyFont="1" applyFill="1" applyBorder="1" applyAlignment="1">
      <alignment horizontal="center" vertical="center" wrapText="1"/>
    </xf>
    <xf numFmtId="0" fontId="46" fillId="43" borderId="108" xfId="59" applyFont="1" applyFill="1" applyBorder="1" applyAlignment="1">
      <alignment horizontal="center" vertical="center" wrapText="1"/>
    </xf>
    <xf numFmtId="0" fontId="126" fillId="43" borderId="76" xfId="59" applyFont="1" applyFill="1" applyBorder="1" applyAlignment="1">
      <alignment horizontal="center" vertical="center" wrapText="1"/>
    </xf>
    <xf numFmtId="0" fontId="126" fillId="43" borderId="41" xfId="59" applyFont="1" applyFill="1" applyBorder="1" applyAlignment="1">
      <alignment horizontal="center" vertical="center" wrapText="1"/>
    </xf>
    <xf numFmtId="0" fontId="122" fillId="0" borderId="161" xfId="59" quotePrefix="1" applyFont="1" applyBorder="1" applyAlignment="1">
      <alignment vertical="center"/>
    </xf>
    <xf numFmtId="0" fontId="3" fillId="0" borderId="97" xfId="63" applyBorder="1">
      <alignment vertical="center"/>
    </xf>
    <xf numFmtId="0" fontId="3" fillId="0" borderId="96" xfId="63" applyBorder="1">
      <alignment vertical="center"/>
    </xf>
    <xf numFmtId="0" fontId="0" fillId="39" borderId="12" xfId="0" applyFill="1" applyBorder="1" applyAlignment="1">
      <alignment horizontal="center" vertical="center" wrapText="1"/>
    </xf>
    <xf numFmtId="0" fontId="156" fillId="30" borderId="98" xfId="57" applyFont="1" applyFill="1" applyBorder="1" applyAlignment="1">
      <alignment horizontal="center" vertical="center"/>
    </xf>
    <xf numFmtId="0" fontId="156" fillId="30" borderId="97" xfId="57" applyFont="1" applyFill="1" applyBorder="1" applyAlignment="1">
      <alignment horizontal="center" vertical="center"/>
    </xf>
    <xf numFmtId="0" fontId="0" fillId="39" borderId="14" xfId="0" applyFill="1" applyBorder="1" applyAlignment="1">
      <alignment horizontal="center" vertical="center" wrapText="1"/>
    </xf>
    <xf numFmtId="0" fontId="0" fillId="39" borderId="21" xfId="0" applyFill="1" applyBorder="1" applyAlignment="1">
      <alignment horizontal="center" vertical="center" wrapText="1"/>
    </xf>
    <xf numFmtId="0" fontId="121" fillId="39" borderId="133" xfId="57" applyFont="1" applyFill="1" applyBorder="1" applyAlignment="1">
      <alignment horizontal="center" vertical="center" textRotation="255"/>
    </xf>
    <xf numFmtId="0" fontId="121" fillId="39" borderId="134" xfId="57" applyFont="1" applyFill="1" applyBorder="1" applyAlignment="1">
      <alignment horizontal="center" vertical="center" textRotation="255"/>
    </xf>
    <xf numFmtId="0" fontId="121" fillId="39" borderId="135" xfId="57" applyFont="1" applyFill="1" applyBorder="1" applyAlignment="1">
      <alignment horizontal="center" vertical="center" textRotation="255"/>
    </xf>
    <xf numFmtId="0" fontId="121" fillId="38" borderId="138" xfId="0" applyFont="1" applyFill="1" applyBorder="1" applyAlignment="1">
      <alignment horizontal="center" vertical="center" textRotation="255" wrapText="1"/>
    </xf>
    <xf numFmtId="0" fontId="121" fillId="38" borderId="139" xfId="0" applyFont="1" applyFill="1" applyBorder="1" applyAlignment="1">
      <alignment horizontal="center" vertical="center" textRotation="255" wrapText="1"/>
    </xf>
    <xf numFmtId="0" fontId="121" fillId="38" borderId="178" xfId="0" applyFont="1" applyFill="1" applyBorder="1" applyAlignment="1">
      <alignment horizontal="center" vertical="center" textRotation="255" wrapText="1"/>
    </xf>
    <xf numFmtId="0" fontId="46" fillId="44" borderId="21" xfId="59" applyFont="1" applyFill="1" applyBorder="1" applyAlignment="1">
      <alignment horizontal="center" vertical="center" wrapText="1"/>
    </xf>
    <xf numFmtId="0" fontId="37" fillId="0" borderId="71" xfId="59" applyFont="1" applyBorder="1" applyAlignment="1">
      <alignment horizontal="left" vertical="center" wrapText="1" indent="1"/>
    </xf>
    <xf numFmtId="0" fontId="37" fillId="0" borderId="99" xfId="59" applyFont="1" applyBorder="1" applyAlignment="1">
      <alignment horizontal="left" vertical="center" wrapText="1" indent="1"/>
    </xf>
    <xf numFmtId="0" fontId="37" fillId="0" borderId="35" xfId="59" applyFont="1" applyBorder="1" applyAlignment="1">
      <alignment horizontal="left" vertical="center" wrapText="1" indent="1"/>
    </xf>
    <xf numFmtId="0" fontId="37" fillId="0" borderId="70" xfId="59" applyFont="1" applyBorder="1" applyAlignment="1">
      <alignment horizontal="left" vertical="center" wrapText="1" indent="1"/>
    </xf>
    <xf numFmtId="0" fontId="39" fillId="39" borderId="33" xfId="0" applyFont="1" applyFill="1" applyBorder="1" applyAlignment="1">
      <alignment horizontal="left" vertical="center" wrapText="1"/>
    </xf>
    <xf numFmtId="0" fontId="39" fillId="39" borderId="10" xfId="0" applyFont="1" applyFill="1" applyBorder="1" applyAlignment="1">
      <alignment horizontal="left" vertical="center" wrapText="1"/>
    </xf>
    <xf numFmtId="0" fontId="0" fillId="39" borderId="10" xfId="0" applyFill="1" applyBorder="1" applyAlignment="1">
      <alignment horizontal="left" vertical="center" wrapText="1"/>
    </xf>
    <xf numFmtId="176" fontId="0" fillId="0" borderId="190" xfId="0" applyNumberFormat="1" applyBorder="1" applyAlignment="1">
      <alignment horizontal="center" vertical="center"/>
    </xf>
    <xf numFmtId="176" fontId="0" fillId="0" borderId="191" xfId="0" applyNumberFormat="1" applyBorder="1" applyAlignment="1">
      <alignment horizontal="center" vertical="center"/>
    </xf>
    <xf numFmtId="0" fontId="126" fillId="44" borderId="177" xfId="59" applyFont="1" applyFill="1" applyBorder="1" applyAlignment="1">
      <alignment horizontal="center" vertical="center"/>
    </xf>
    <xf numFmtId="0" fontId="126" fillId="44" borderId="99" xfId="59" applyFont="1" applyFill="1" applyBorder="1" applyAlignment="1">
      <alignment horizontal="center" vertical="center"/>
    </xf>
    <xf numFmtId="0" fontId="126" fillId="44" borderId="160" xfId="59" applyFont="1" applyFill="1" applyBorder="1" applyAlignment="1">
      <alignment horizontal="center" vertical="center"/>
    </xf>
    <xf numFmtId="0" fontId="46" fillId="44" borderId="13" xfId="59" applyFont="1" applyFill="1" applyBorder="1" applyAlignment="1">
      <alignment horizontal="center" vertical="center"/>
    </xf>
    <xf numFmtId="0" fontId="126" fillId="44" borderId="71" xfId="59" applyFont="1" applyFill="1" applyBorder="1" applyAlignment="1">
      <alignment horizontal="center" vertical="center"/>
    </xf>
    <xf numFmtId="0" fontId="126" fillId="44" borderId="42" xfId="59" applyFont="1" applyFill="1" applyBorder="1" applyAlignment="1">
      <alignment horizontal="center" vertical="center"/>
    </xf>
    <xf numFmtId="0" fontId="0" fillId="32" borderId="16" xfId="0" applyFill="1" applyBorder="1" applyAlignment="1">
      <alignment horizontal="center" vertical="center" wrapText="1"/>
    </xf>
    <xf numFmtId="0" fontId="0" fillId="32" borderId="12" xfId="0" applyFill="1" applyBorder="1" applyAlignment="1">
      <alignment horizontal="center" vertical="center" wrapText="1"/>
    </xf>
    <xf numFmtId="0" fontId="0" fillId="32" borderId="66" xfId="0" applyFill="1" applyBorder="1" applyAlignment="1">
      <alignment horizontal="center" vertical="center" wrapText="1"/>
    </xf>
    <xf numFmtId="0" fontId="0" fillId="32" borderId="141" xfId="0" applyFill="1" applyBorder="1" applyAlignment="1">
      <alignment horizontal="center" vertical="center" wrapText="1"/>
    </xf>
    <xf numFmtId="0" fontId="0" fillId="32" borderId="64" xfId="0" applyFill="1" applyBorder="1" applyAlignment="1">
      <alignment horizontal="center" vertical="center" wrapText="1"/>
    </xf>
    <xf numFmtId="0" fontId="0" fillId="32" borderId="33" xfId="0" applyFill="1" applyBorder="1" applyAlignment="1">
      <alignment horizontal="center" vertical="center" wrapText="1"/>
    </xf>
    <xf numFmtId="0" fontId="0" fillId="32" borderId="22" xfId="0" applyFill="1" applyBorder="1" applyAlignment="1">
      <alignment horizontal="center" vertical="center"/>
    </xf>
    <xf numFmtId="0" fontId="0" fillId="32" borderId="67" xfId="0" applyFill="1" applyBorder="1" applyAlignment="1">
      <alignment horizontal="center" vertical="center"/>
    </xf>
    <xf numFmtId="0" fontId="32" fillId="0" borderId="208" xfId="0" applyFont="1" applyBorder="1" applyAlignment="1">
      <alignment vertical="center" shrinkToFit="1"/>
    </xf>
    <xf numFmtId="0" fontId="32" fillId="0" borderId="187" xfId="0" applyFont="1" applyBorder="1" applyAlignment="1">
      <alignment vertical="center" shrinkToFit="1"/>
    </xf>
    <xf numFmtId="0" fontId="32" fillId="32" borderId="162" xfId="46" applyFont="1" applyFill="1" applyBorder="1" applyAlignment="1">
      <alignment horizontal="center" vertical="center" shrinkToFit="1"/>
    </xf>
    <xf numFmtId="0" fontId="32" fillId="32" borderId="68" xfId="46" applyFont="1" applyFill="1" applyBorder="1" applyAlignment="1">
      <alignment horizontal="center" vertical="center" shrinkToFit="1"/>
    </xf>
    <xf numFmtId="0" fontId="0" fillId="0" borderId="10" xfId="50" applyFont="1" applyBorder="1" applyAlignment="1">
      <alignment horizontal="center" vertical="center"/>
    </xf>
    <xf numFmtId="0" fontId="47" fillId="0" borderId="0" xfId="46" applyFont="1" applyAlignment="1">
      <alignment horizontal="center" vertical="center" shrinkToFit="1"/>
    </xf>
    <xf numFmtId="0" fontId="47" fillId="0" borderId="114" xfId="46" applyFont="1" applyBorder="1" applyAlignment="1">
      <alignment horizontal="center" vertical="center" shrinkToFit="1"/>
    </xf>
    <xf numFmtId="0" fontId="55" fillId="0" borderId="10" xfId="59" applyFont="1" applyBorder="1" applyAlignment="1">
      <alignment vertical="center" wrapText="1"/>
    </xf>
    <xf numFmtId="0" fontId="37" fillId="0" borderId="43" xfId="59" applyFont="1" applyBorder="1" applyAlignment="1">
      <alignment horizontal="left" vertical="center" wrapText="1" indent="1"/>
    </xf>
    <xf numFmtId="0" fontId="44" fillId="0" borderId="186" xfId="59" applyFont="1" applyBorder="1" applyAlignment="1">
      <alignment horizontal="center" vertical="center"/>
    </xf>
    <xf numFmtId="0" fontId="44" fillId="0" borderId="187" xfId="59" applyFont="1" applyBorder="1" applyAlignment="1">
      <alignment horizontal="center" vertical="center"/>
    </xf>
    <xf numFmtId="0" fontId="37" fillId="39" borderId="17" xfId="59" applyFont="1" applyFill="1" applyBorder="1" applyAlignment="1">
      <alignment horizontal="center" vertical="center" wrapText="1"/>
    </xf>
    <xf numFmtId="0" fontId="122" fillId="39" borderId="35" xfId="59" applyFont="1" applyFill="1" applyBorder="1" applyAlignment="1">
      <alignment horizontal="center" vertical="center"/>
    </xf>
    <xf numFmtId="0" fontId="126" fillId="44" borderId="46" xfId="59" applyFont="1" applyFill="1" applyBorder="1" applyAlignment="1">
      <alignment horizontal="center" vertical="center"/>
    </xf>
    <xf numFmtId="0" fontId="126" fillId="44" borderId="34" xfId="59" applyFont="1" applyFill="1" applyBorder="1" applyAlignment="1">
      <alignment horizontal="center" vertical="center"/>
    </xf>
    <xf numFmtId="176" fontId="122" fillId="44" borderId="14" xfId="59" applyNumberFormat="1" applyFont="1" applyFill="1" applyBorder="1" applyAlignment="1">
      <alignment horizontal="center" vertical="center"/>
    </xf>
    <xf numFmtId="176" fontId="122" fillId="44" borderId="21" xfId="59" applyNumberFormat="1" applyFont="1" applyFill="1" applyBorder="1" applyAlignment="1">
      <alignment horizontal="center" vertical="center"/>
    </xf>
    <xf numFmtId="0" fontId="126" fillId="44" borderId="177" xfId="59" applyFont="1" applyFill="1" applyBorder="1" applyAlignment="1">
      <alignment horizontal="center" vertical="center" wrapText="1"/>
    </xf>
    <xf numFmtId="0" fontId="126" fillId="44" borderId="71" xfId="59" applyFont="1" applyFill="1" applyBorder="1" applyAlignment="1">
      <alignment horizontal="center" vertical="center" wrapText="1"/>
    </xf>
    <xf numFmtId="0" fontId="126" fillId="44" borderId="160" xfId="59" applyFont="1" applyFill="1" applyBorder="1" applyAlignment="1">
      <alignment horizontal="center" vertical="center" wrapText="1"/>
    </xf>
    <xf numFmtId="0" fontId="105" fillId="0" borderId="18" xfId="0" applyFont="1" applyBorder="1" applyAlignment="1">
      <alignment vertical="center"/>
    </xf>
    <xf numFmtId="0" fontId="105" fillId="0" borderId="19" xfId="0" applyFont="1" applyBorder="1" applyAlignment="1">
      <alignment vertical="center"/>
    </xf>
    <xf numFmtId="0" fontId="0" fillId="0" borderId="113" xfId="0" applyBorder="1" applyAlignment="1">
      <alignment vertical="center"/>
    </xf>
    <xf numFmtId="0" fontId="0" fillId="0" borderId="10" xfId="0" applyBorder="1" applyAlignment="1">
      <alignment vertical="center"/>
    </xf>
    <xf numFmtId="0" fontId="0" fillId="0" borderId="34" xfId="0" applyBorder="1" applyAlignment="1">
      <alignment vertical="center"/>
    </xf>
    <xf numFmtId="0" fontId="56" fillId="32" borderId="20" xfId="0" applyFont="1" applyFill="1" applyBorder="1" applyAlignment="1">
      <alignment vertical="center" wrapText="1"/>
    </xf>
    <xf numFmtId="0" fontId="56" fillId="32" borderId="18" xfId="0" applyFont="1" applyFill="1" applyBorder="1" applyAlignment="1">
      <alignment vertical="center" wrapText="1"/>
    </xf>
    <xf numFmtId="0" fontId="56" fillId="32" borderId="23" xfId="0" applyFont="1" applyFill="1" applyBorder="1" applyAlignment="1">
      <alignment vertical="center" wrapText="1"/>
    </xf>
    <xf numFmtId="0" fontId="56" fillId="32" borderId="10" xfId="0" applyFont="1" applyFill="1" applyBorder="1" applyAlignment="1">
      <alignment vertical="center" wrapText="1"/>
    </xf>
    <xf numFmtId="0" fontId="55" fillId="0" borderId="64" xfId="46" applyFont="1" applyBorder="1" applyAlignment="1">
      <alignment vertical="center" wrapText="1"/>
    </xf>
    <xf numFmtId="0" fontId="55" fillId="0" borderId="131" xfId="46" applyFont="1" applyBorder="1" applyAlignment="1">
      <alignment vertical="center" wrapText="1"/>
    </xf>
    <xf numFmtId="0" fontId="55" fillId="0" borderId="132" xfId="46" applyFont="1" applyBorder="1" applyAlignment="1">
      <alignment vertical="center" wrapText="1"/>
    </xf>
    <xf numFmtId="0" fontId="34" fillId="43" borderId="140" xfId="59" applyFont="1" applyFill="1" applyBorder="1" applyAlignment="1">
      <alignment vertical="center" wrapText="1"/>
    </xf>
    <xf numFmtId="0" fontId="0" fillId="0" borderId="68" xfId="0" applyBorder="1" applyAlignment="1">
      <alignment vertical="center"/>
    </xf>
    <xf numFmtId="0" fontId="0" fillId="0" borderId="151" xfId="0" applyBorder="1" applyAlignment="1">
      <alignment vertical="center"/>
    </xf>
    <xf numFmtId="0" fontId="34" fillId="43" borderId="138" xfId="59" applyFont="1" applyFill="1" applyBorder="1" applyAlignment="1">
      <alignment vertical="center"/>
    </xf>
    <xf numFmtId="0" fontId="0" fillId="0" borderId="90" xfId="0" applyBorder="1" applyAlignment="1">
      <alignment vertical="center"/>
    </xf>
    <xf numFmtId="0" fontId="0" fillId="0" borderId="91" xfId="0" applyBorder="1" applyAlignment="1">
      <alignment vertical="center"/>
    </xf>
    <xf numFmtId="188" fontId="159" fillId="43" borderId="163" xfId="59" applyNumberFormat="1" applyFont="1" applyFill="1" applyBorder="1" applyAlignment="1">
      <alignment vertical="center" wrapText="1"/>
    </xf>
    <xf numFmtId="0" fontId="0" fillId="0" borderId="204" xfId="0" applyBorder="1" applyAlignment="1">
      <alignment vertical="center"/>
    </xf>
    <xf numFmtId="0" fontId="39" fillId="0" borderId="23" xfId="0" applyFont="1" applyBorder="1" applyAlignment="1">
      <alignment vertical="center" wrapText="1" shrinkToFit="1"/>
    </xf>
    <xf numFmtId="0" fontId="39" fillId="0" borderId="23" xfId="0" applyFont="1" applyBorder="1" applyAlignment="1">
      <alignment vertical="center" shrinkToFit="1"/>
    </xf>
    <xf numFmtId="0" fontId="39" fillId="0" borderId="24" xfId="0" applyFont="1" applyBorder="1" applyAlignment="1">
      <alignment vertical="center" shrinkToFit="1"/>
    </xf>
    <xf numFmtId="0" fontId="32" fillId="32" borderId="209" xfId="0" applyFont="1" applyFill="1" applyBorder="1" applyAlignment="1">
      <alignment horizontal="center" vertical="center" wrapText="1"/>
    </xf>
    <xf numFmtId="0" fontId="32" fillId="32" borderId="33" xfId="0" applyFont="1" applyFill="1" applyBorder="1" applyAlignment="1">
      <alignment horizontal="center" vertical="center" wrapText="1"/>
    </xf>
    <xf numFmtId="0" fontId="90" fillId="0" borderId="22" xfId="0" applyFont="1" applyBorder="1" applyAlignment="1">
      <alignment vertical="center"/>
    </xf>
    <xf numFmtId="0" fontId="90" fillId="0" borderId="23" xfId="0" applyFont="1" applyBorder="1" applyAlignment="1">
      <alignment vertical="center"/>
    </xf>
    <xf numFmtId="0" fontId="90" fillId="0" borderId="21" xfId="0" applyFont="1" applyBorder="1" applyAlignment="1">
      <alignment vertical="center"/>
    </xf>
    <xf numFmtId="0" fontId="32" fillId="0" borderId="213" xfId="0" applyFont="1" applyBorder="1" applyAlignment="1">
      <alignment horizontal="left" vertical="center" wrapText="1" shrinkToFit="1"/>
    </xf>
    <xf numFmtId="0" fontId="32" fillId="0" borderId="212" xfId="0" applyFont="1" applyBorder="1" applyAlignment="1">
      <alignment horizontal="left" vertical="center" wrapText="1" shrinkToFit="1"/>
    </xf>
    <xf numFmtId="0" fontId="55" fillId="0" borderId="215" xfId="46" applyFont="1" applyBorder="1" applyAlignment="1">
      <alignment vertical="center" wrapText="1"/>
    </xf>
    <xf numFmtId="0" fontId="55" fillId="0" borderId="216" xfId="46" applyFont="1" applyBorder="1" applyAlignment="1">
      <alignment vertical="center" wrapText="1"/>
    </xf>
    <xf numFmtId="0" fontId="93" fillId="0" borderId="20" xfId="0" applyFont="1" applyBorder="1" applyAlignment="1">
      <alignment vertical="center" wrapText="1"/>
    </xf>
    <xf numFmtId="0" fontId="93" fillId="0" borderId="18" xfId="0" applyFont="1" applyBorder="1" applyAlignment="1">
      <alignment vertical="center" wrapText="1"/>
    </xf>
    <xf numFmtId="0" fontId="93" fillId="0" borderId="19" xfId="0" applyFont="1" applyBorder="1" applyAlignment="1">
      <alignment vertical="center" wrapText="1"/>
    </xf>
    <xf numFmtId="0" fontId="88" fillId="0" borderId="71" xfId="59" applyFont="1" applyBorder="1" applyAlignment="1">
      <alignment horizontal="left" vertical="center" wrapText="1" indent="1"/>
    </xf>
    <xf numFmtId="0" fontId="88" fillId="0" borderId="99" xfId="59" applyFont="1" applyBorder="1" applyAlignment="1">
      <alignment horizontal="left" vertical="center" wrapText="1" indent="1"/>
    </xf>
    <xf numFmtId="0" fontId="88" fillId="0" borderId="35" xfId="59" applyFont="1" applyBorder="1" applyAlignment="1">
      <alignment horizontal="left" vertical="center" wrapText="1" indent="1"/>
    </xf>
    <xf numFmtId="0" fontId="88" fillId="0" borderId="70" xfId="59" applyFont="1" applyBorder="1" applyAlignment="1">
      <alignment horizontal="left" vertical="center" wrapText="1" indent="1"/>
    </xf>
    <xf numFmtId="0" fontId="88" fillId="0" borderId="43" xfId="59" applyFont="1" applyBorder="1" applyAlignment="1">
      <alignment horizontal="left" vertical="center" wrapText="1" indent="1"/>
    </xf>
    <xf numFmtId="0" fontId="161" fillId="0" borderId="186" xfId="59" applyFont="1" applyBorder="1" applyAlignment="1">
      <alignment horizontal="center" vertical="center"/>
    </xf>
    <xf numFmtId="0" fontId="161" fillId="0" borderId="187" xfId="59" applyFont="1" applyBorder="1" applyAlignment="1">
      <alignment horizontal="center" vertical="center"/>
    </xf>
    <xf numFmtId="176" fontId="80" fillId="0" borderId="192" xfId="0" applyNumberFormat="1" applyFont="1" applyBorder="1" applyAlignment="1">
      <alignment horizontal="center" vertical="center"/>
    </xf>
    <xf numFmtId="176" fontId="80" fillId="0" borderId="201" xfId="0" applyNumberFormat="1" applyFont="1" applyBorder="1" applyAlignment="1">
      <alignment horizontal="center" vertical="center"/>
    </xf>
    <xf numFmtId="176" fontId="80" fillId="0" borderId="217" xfId="0" applyNumberFormat="1" applyFont="1" applyBorder="1" applyAlignment="1">
      <alignment horizontal="center" vertical="center"/>
    </xf>
    <xf numFmtId="176" fontId="80" fillId="0" borderId="190" xfId="0" applyNumberFormat="1" applyFont="1" applyBorder="1" applyAlignment="1">
      <alignment horizontal="center" vertical="center"/>
    </xf>
    <xf numFmtId="176" fontId="80" fillId="0" borderId="191" xfId="0" applyNumberFormat="1" applyFont="1" applyBorder="1" applyAlignment="1">
      <alignment horizontal="center" vertical="center"/>
    </xf>
    <xf numFmtId="176" fontId="80" fillId="0" borderId="186" xfId="0" applyNumberFormat="1" applyFont="1" applyBorder="1" applyAlignment="1">
      <alignment horizontal="center" vertical="center"/>
    </xf>
    <xf numFmtId="176" fontId="80" fillId="0" borderId="187" xfId="0" applyNumberFormat="1" applyFont="1" applyBorder="1" applyAlignment="1">
      <alignment horizontal="center" vertical="center"/>
    </xf>
    <xf numFmtId="0" fontId="90" fillId="0" borderId="0" xfId="59" applyFont="1" applyAlignment="1">
      <alignment vertical="center" wrapText="1"/>
    </xf>
    <xf numFmtId="176" fontId="80" fillId="0" borderId="190" xfId="0" applyNumberFormat="1" applyFont="1" applyBorder="1" applyAlignment="1">
      <alignment horizontal="center" vertical="center" shrinkToFit="1"/>
    </xf>
    <xf numFmtId="176" fontId="80" fillId="0" borderId="191" xfId="0" applyNumberFormat="1" applyFont="1" applyBorder="1" applyAlignment="1">
      <alignment horizontal="center" vertical="center" shrinkToFit="1"/>
    </xf>
    <xf numFmtId="0" fontId="6" fillId="32" borderId="70" xfId="59" applyFill="1" applyBorder="1" applyAlignment="1" applyProtection="1">
      <alignment vertical="center" wrapText="1"/>
      <protection locked="0"/>
    </xf>
    <xf numFmtId="0" fontId="6" fillId="32" borderId="118" xfId="59" applyFill="1" applyBorder="1" applyAlignment="1" applyProtection="1">
      <alignment vertical="center" wrapText="1"/>
      <protection locked="0"/>
    </xf>
    <xf numFmtId="0" fontId="6" fillId="32" borderId="67" xfId="59" applyFill="1" applyBorder="1" applyAlignment="1" applyProtection="1">
      <alignment vertical="center" wrapText="1"/>
      <protection locked="0"/>
    </xf>
    <xf numFmtId="0" fontId="6" fillId="0" borderId="162" xfId="59" applyBorder="1" applyAlignment="1" applyProtection="1">
      <alignment vertical="center"/>
      <protection locked="0"/>
    </xf>
    <xf numFmtId="0" fontId="6" fillId="0" borderId="68" xfId="59" applyBorder="1" applyAlignment="1" applyProtection="1">
      <alignment vertical="center"/>
      <protection locked="0"/>
    </xf>
    <xf numFmtId="0" fontId="6" fillId="0" borderId="151" xfId="59" applyBorder="1" applyAlignment="1" applyProtection="1">
      <alignment vertical="center"/>
      <protection locked="0"/>
    </xf>
    <xf numFmtId="0" fontId="6" fillId="37" borderId="16" xfId="59" applyFill="1" applyBorder="1" applyAlignment="1">
      <alignment horizontal="center" vertical="center"/>
    </xf>
    <xf numFmtId="0" fontId="6" fillId="37" borderId="12" xfId="59" applyFill="1" applyBorder="1" applyAlignment="1">
      <alignment horizontal="center" vertical="center"/>
    </xf>
    <xf numFmtId="0" fontId="6" fillId="37" borderId="66" xfId="59" applyFill="1" applyBorder="1" applyAlignment="1">
      <alignment horizontal="center" vertical="center"/>
    </xf>
    <xf numFmtId="0" fontId="6" fillId="37" borderId="95" xfId="59" applyFill="1" applyBorder="1" applyAlignment="1">
      <alignment horizontal="center" vertical="center" wrapText="1"/>
    </xf>
    <xf numFmtId="0" fontId="6" fillId="37" borderId="118" xfId="59" applyFill="1" applyBorder="1" applyAlignment="1">
      <alignment horizontal="center" vertical="center" wrapText="1"/>
    </xf>
    <xf numFmtId="0" fontId="6" fillId="37" borderId="71" xfId="59" applyFill="1" applyBorder="1" applyAlignment="1">
      <alignment horizontal="center" vertical="center" wrapText="1"/>
    </xf>
    <xf numFmtId="0" fontId="6" fillId="0" borderId="45" xfId="59" applyBorder="1" applyAlignment="1" applyProtection="1">
      <alignment vertical="center"/>
      <protection locked="0"/>
    </xf>
    <xf numFmtId="0" fontId="6" fillId="0" borderId="46" xfId="59" applyBorder="1" applyAlignment="1" applyProtection="1">
      <alignment vertical="center"/>
      <protection locked="0"/>
    </xf>
    <xf numFmtId="0" fontId="6" fillId="0" borderId="177" xfId="59" applyBorder="1" applyAlignment="1" applyProtection="1">
      <alignment vertical="center"/>
      <protection locked="0"/>
    </xf>
    <xf numFmtId="176" fontId="6" fillId="0" borderId="20" xfId="59" applyNumberFormat="1" applyBorder="1" applyAlignment="1" applyProtection="1">
      <alignment vertical="center"/>
      <protection locked="0"/>
    </xf>
    <xf numFmtId="0" fontId="0" fillId="0" borderId="18" xfId="0" applyBorder="1" applyAlignment="1">
      <alignment vertical="center"/>
    </xf>
    <xf numFmtId="0" fontId="0" fillId="0" borderId="19" xfId="0" applyBorder="1" applyAlignment="1">
      <alignment vertical="center"/>
    </xf>
    <xf numFmtId="0" fontId="6" fillId="37" borderId="70" xfId="59" applyFill="1" applyBorder="1" applyAlignment="1">
      <alignment horizontal="center" vertical="center" wrapText="1"/>
    </xf>
    <xf numFmtId="0" fontId="6" fillId="37" borderId="67" xfId="59" applyFill="1" applyBorder="1" applyAlignment="1">
      <alignment horizontal="center" vertical="center" wrapText="1"/>
    </xf>
    <xf numFmtId="0" fontId="6" fillId="32" borderId="71" xfId="59" applyFill="1" applyBorder="1" applyAlignment="1" applyProtection="1">
      <alignment vertical="center" wrapText="1"/>
      <protection locked="0"/>
    </xf>
    <xf numFmtId="0" fontId="6" fillId="0" borderId="33" xfId="59" applyBorder="1" applyAlignment="1" applyProtection="1">
      <alignment vertical="center" wrapText="1"/>
      <protection locked="0"/>
    </xf>
    <xf numFmtId="0" fontId="6" fillId="0" borderId="10" xfId="59" applyBorder="1" applyAlignment="1" applyProtection="1">
      <alignment vertical="center" wrapText="1"/>
      <protection locked="0"/>
    </xf>
    <xf numFmtId="0" fontId="6" fillId="0" borderId="34" xfId="59" applyBorder="1" applyAlignment="1" applyProtection="1">
      <alignment vertical="center" wrapText="1"/>
      <protection locked="0"/>
    </xf>
    <xf numFmtId="0" fontId="6" fillId="0" borderId="33" xfId="59" applyBorder="1" applyAlignment="1" applyProtection="1">
      <alignment vertical="center"/>
      <protection locked="0"/>
    </xf>
    <xf numFmtId="0" fontId="6" fillId="0" borderId="10" xfId="59" applyBorder="1" applyAlignment="1" applyProtection="1">
      <alignment vertical="center"/>
      <protection locked="0"/>
    </xf>
    <xf numFmtId="0" fontId="6" fillId="0" borderId="34" xfId="59" applyBorder="1" applyAlignment="1" applyProtection="1">
      <alignment vertical="center"/>
      <protection locked="0"/>
    </xf>
    <xf numFmtId="0" fontId="27" fillId="0" borderId="0" xfId="59" applyFont="1" applyAlignment="1">
      <alignment horizontal="center" vertical="center" shrinkToFit="1"/>
    </xf>
    <xf numFmtId="0" fontId="0" fillId="0" borderId="10" xfId="59" applyFont="1" applyBorder="1" applyAlignment="1" applyProtection="1">
      <alignment horizontal="center"/>
      <protection locked="0"/>
    </xf>
    <xf numFmtId="0" fontId="6" fillId="0" borderId="10" xfId="59" applyBorder="1" applyAlignment="1" applyProtection="1">
      <alignment horizontal="center"/>
      <protection locked="0"/>
    </xf>
    <xf numFmtId="0" fontId="47" fillId="0" borderId="0" xfId="59" applyFont="1" applyAlignment="1">
      <alignment shrinkToFit="1"/>
    </xf>
    <xf numFmtId="0" fontId="47" fillId="0" borderId="114" xfId="59" applyFont="1" applyBorder="1" applyAlignment="1">
      <alignment shrinkToFit="1"/>
    </xf>
    <xf numFmtId="0" fontId="6" fillId="31" borderId="98" xfId="59" applyFill="1" applyBorder="1" applyAlignment="1" applyProtection="1">
      <alignment horizontal="center"/>
      <protection locked="0"/>
    </xf>
    <xf numFmtId="0" fontId="6" fillId="31" borderId="97" xfId="59" applyFill="1" applyBorder="1" applyAlignment="1" applyProtection="1">
      <alignment horizontal="center"/>
      <protection locked="0"/>
    </xf>
    <xf numFmtId="0" fontId="6" fillId="31" borderId="96" xfId="59" applyFill="1" applyBorder="1" applyAlignment="1" applyProtection="1">
      <alignment horizontal="center"/>
      <protection locked="0"/>
    </xf>
    <xf numFmtId="0" fontId="0" fillId="0" borderId="20" xfId="59" applyFont="1" applyBorder="1" applyAlignment="1">
      <alignment vertical="center" wrapText="1"/>
    </xf>
    <xf numFmtId="0" fontId="6" fillId="0" borderId="18" xfId="59" applyBorder="1" applyAlignment="1">
      <alignment vertical="center" wrapText="1"/>
    </xf>
    <xf numFmtId="0" fontId="6" fillId="0" borderId="21" xfId="59" applyBorder="1" applyAlignment="1">
      <alignment vertical="center" wrapText="1"/>
    </xf>
    <xf numFmtId="0" fontId="6" fillId="24" borderId="133" xfId="45" applyFill="1" applyBorder="1" applyAlignment="1">
      <alignment horizontal="center" vertical="center"/>
    </xf>
    <xf numFmtId="0" fontId="6" fillId="24" borderId="134" xfId="45" applyFill="1" applyBorder="1" applyAlignment="1">
      <alignment horizontal="center" vertical="center"/>
    </xf>
    <xf numFmtId="0" fontId="6" fillId="24" borderId="135" xfId="45" applyFill="1" applyBorder="1" applyAlignment="1">
      <alignment horizontal="center" vertical="center"/>
    </xf>
    <xf numFmtId="0" fontId="6" fillId="24" borderId="25" xfId="45" applyFill="1" applyBorder="1" applyAlignment="1">
      <alignment horizontal="left" vertical="center"/>
    </xf>
    <xf numFmtId="0" fontId="6" fillId="24" borderId="11" xfId="45" applyFill="1" applyBorder="1" applyAlignment="1">
      <alignment horizontal="left" vertical="center"/>
    </xf>
    <xf numFmtId="0" fontId="27" fillId="0" borderId="0" xfId="45" applyFont="1" applyAlignment="1">
      <alignment horizontal="center" vertical="center" shrinkToFit="1"/>
    </xf>
    <xf numFmtId="0" fontId="51" fillId="31" borderId="98" xfId="45" applyFont="1" applyFill="1" applyBorder="1" applyAlignment="1" applyProtection="1">
      <alignment horizontal="center"/>
      <protection locked="0"/>
    </xf>
    <xf numFmtId="0" fontId="6" fillId="31" borderId="97" xfId="45" applyFill="1" applyBorder="1" applyAlignment="1" applyProtection="1">
      <alignment horizontal="center"/>
      <protection locked="0"/>
    </xf>
    <xf numFmtId="0" fontId="6" fillId="31" borderId="96" xfId="45" applyFill="1" applyBorder="1" applyAlignment="1" applyProtection="1">
      <alignment horizontal="center"/>
      <protection locked="0"/>
    </xf>
    <xf numFmtId="0" fontId="98" fillId="0" borderId="0" xfId="45" applyFont="1" applyAlignment="1">
      <alignment shrinkToFit="1"/>
    </xf>
    <xf numFmtId="0" fontId="98" fillId="0" borderId="114" xfId="45" applyFont="1" applyBorder="1" applyAlignment="1">
      <alignment shrinkToFit="1"/>
    </xf>
    <xf numFmtId="0" fontId="0" fillId="0" borderId="10" xfId="45" applyFont="1" applyBorder="1" applyAlignment="1" applyProtection="1">
      <alignment horizontal="center"/>
      <protection locked="0"/>
    </xf>
    <xf numFmtId="0" fontId="6" fillId="0" borderId="10" xfId="45" applyBorder="1" applyAlignment="1" applyProtection="1">
      <alignment horizontal="center"/>
      <protection locked="0"/>
    </xf>
    <xf numFmtId="0" fontId="0" fillId="0" borderId="45" xfId="45" applyFont="1" applyBorder="1" applyAlignment="1" applyProtection="1">
      <alignment horizontal="center" vertical="center"/>
      <protection locked="0"/>
    </xf>
    <xf numFmtId="0" fontId="0" fillId="0" borderId="46" xfId="45" applyFont="1" applyBorder="1" applyAlignment="1" applyProtection="1">
      <alignment horizontal="center" vertical="center"/>
      <protection locked="0"/>
    </xf>
    <xf numFmtId="0" fontId="0" fillId="0" borderId="47" xfId="45" applyFont="1" applyBorder="1" applyAlignment="1" applyProtection="1">
      <alignment horizontal="center" vertical="center"/>
      <protection locked="0"/>
    </xf>
    <xf numFmtId="0" fontId="17" fillId="0" borderId="18" xfId="47" applyFont="1" applyBorder="1" applyAlignment="1">
      <alignment horizontal="center" vertical="center" shrinkToFit="1"/>
    </xf>
    <xf numFmtId="0" fontId="17" fillId="0" borderId="19" xfId="47" applyFont="1" applyBorder="1" applyAlignment="1">
      <alignment horizontal="center" vertical="center" shrinkToFit="1"/>
    </xf>
    <xf numFmtId="0" fontId="6" fillId="0" borderId="18" xfId="45" applyBorder="1" applyAlignment="1" applyProtection="1">
      <alignment horizontal="center" vertical="center"/>
      <protection locked="0"/>
    </xf>
    <xf numFmtId="0" fontId="6" fillId="0" borderId="19" xfId="45" applyBorder="1" applyAlignment="1" applyProtection="1">
      <alignment horizontal="center" vertical="center"/>
      <protection locked="0"/>
    </xf>
    <xf numFmtId="0" fontId="6" fillId="0" borderId="107" xfId="45" applyBorder="1" applyAlignment="1" applyProtection="1">
      <alignment horizontal="center" wrapText="1"/>
      <protection locked="0"/>
    </xf>
    <xf numFmtId="0" fontId="6" fillId="0" borderId="131" xfId="45" applyBorder="1" applyAlignment="1" applyProtection="1">
      <alignment horizontal="center" wrapText="1"/>
      <protection locked="0"/>
    </xf>
    <xf numFmtId="0" fontId="6" fillId="0" borderId="132" xfId="45" applyBorder="1" applyAlignment="1" applyProtection="1">
      <alignment horizontal="center" wrapText="1"/>
      <protection locked="0"/>
    </xf>
    <xf numFmtId="0" fontId="9" fillId="0" borderId="102" xfId="47" applyFont="1" applyBorder="1" applyAlignment="1">
      <alignment horizontal="left" vertical="center"/>
    </xf>
    <xf numFmtId="0" fontId="9" fillId="0" borderId="101" xfId="47" applyFont="1" applyBorder="1" applyAlignment="1">
      <alignment horizontal="left" vertical="center"/>
    </xf>
    <xf numFmtId="0" fontId="9" fillId="0" borderId="29" xfId="47" applyFont="1" applyBorder="1" applyAlignment="1">
      <alignment horizontal="left" vertical="center"/>
    </xf>
    <xf numFmtId="0" fontId="9" fillId="0" borderId="136" xfId="47" applyFont="1" applyBorder="1" applyAlignment="1">
      <alignment horizontal="left" vertical="center"/>
    </xf>
    <xf numFmtId="0" fontId="9" fillId="0" borderId="137" xfId="47" applyFont="1" applyBorder="1" applyAlignment="1">
      <alignment horizontal="left" vertical="center"/>
    </xf>
    <xf numFmtId="0" fontId="9" fillId="0" borderId="27" xfId="47" applyFont="1" applyBorder="1" applyAlignment="1">
      <alignment horizontal="left" vertical="center"/>
    </xf>
    <xf numFmtId="176" fontId="9" fillId="0" borderId="102" xfId="47" applyNumberFormat="1" applyFont="1" applyBorder="1" applyAlignment="1">
      <alignment horizontal="right" vertical="center"/>
    </xf>
    <xf numFmtId="176" fontId="9" fillId="0" borderId="101" xfId="47" applyNumberFormat="1" applyFont="1" applyBorder="1" applyAlignment="1">
      <alignment horizontal="right" vertical="center"/>
    </xf>
    <xf numFmtId="0" fontId="0" fillId="0" borderId="10" xfId="45" applyFont="1" applyBorder="1" applyAlignment="1">
      <alignment horizontal="center"/>
    </xf>
    <xf numFmtId="0" fontId="6" fillId="0" borderId="10" xfId="45" applyBorder="1" applyAlignment="1">
      <alignment horizontal="center"/>
    </xf>
    <xf numFmtId="0" fontId="73" fillId="0" borderId="0" xfId="45" applyFont="1" applyAlignment="1">
      <alignment horizontal="right" shrinkToFit="1"/>
    </xf>
    <xf numFmtId="0" fontId="73" fillId="0" borderId="114" xfId="45" applyFont="1" applyBorder="1" applyAlignment="1">
      <alignment horizontal="right" shrinkToFit="1"/>
    </xf>
    <xf numFmtId="0" fontId="9" fillId="0" borderId="33" xfId="47" applyFont="1" applyBorder="1" applyAlignment="1">
      <alignment horizontal="left" vertical="center"/>
    </xf>
    <xf numFmtId="0" fontId="9" fillId="0" borderId="10" xfId="47" applyFont="1" applyBorder="1" applyAlignment="1">
      <alignment horizontal="left" vertical="center"/>
    </xf>
    <xf numFmtId="0" fontId="9" fillId="0" borderId="34" xfId="47" applyFont="1" applyBorder="1" applyAlignment="1">
      <alignment horizontal="left" vertical="center"/>
    </xf>
    <xf numFmtId="0" fontId="9" fillId="0" borderId="102" xfId="47" applyFont="1" applyBorder="1" applyAlignment="1">
      <alignment horizontal="center" vertical="center"/>
    </xf>
    <xf numFmtId="0" fontId="9" fillId="0" borderId="28" xfId="47" applyFont="1" applyBorder="1" applyAlignment="1">
      <alignment horizontal="center" vertical="center"/>
    </xf>
    <xf numFmtId="0" fontId="9" fillId="24" borderId="17" xfId="47" applyFont="1" applyFill="1" applyBorder="1" applyAlignment="1">
      <alignment vertical="center" wrapText="1"/>
    </xf>
    <xf numFmtId="0" fontId="9" fillId="24" borderId="15" xfId="47" applyFont="1" applyFill="1" applyBorder="1" applyAlignment="1">
      <alignment vertical="center" wrapText="1"/>
    </xf>
    <xf numFmtId="176" fontId="9" fillId="0" borderId="18" xfId="47" applyNumberFormat="1" applyFont="1" applyBorder="1" applyAlignment="1">
      <alignment horizontal="right" vertical="center"/>
    </xf>
    <xf numFmtId="0" fontId="9" fillId="0" borderId="20" xfId="47" applyFont="1" applyBorder="1" applyAlignment="1">
      <alignment horizontal="center" vertical="center"/>
    </xf>
    <xf numFmtId="0" fontId="9" fillId="0" borderId="18" xfId="47" applyFont="1" applyBorder="1" applyAlignment="1">
      <alignment horizontal="center" vertical="center"/>
    </xf>
    <xf numFmtId="0" fontId="9" fillId="0" borderId="21" xfId="47" applyFont="1" applyBorder="1" applyAlignment="1">
      <alignment horizontal="center" vertical="center"/>
    </xf>
    <xf numFmtId="0" fontId="9" fillId="0" borderId="20" xfId="47" applyFont="1" applyBorder="1" applyAlignment="1">
      <alignment horizontal="center" vertical="center" shrinkToFit="1"/>
    </xf>
    <xf numFmtId="0" fontId="9" fillId="0" borderId="18" xfId="47" applyFont="1" applyBorder="1" applyAlignment="1">
      <alignment horizontal="center" vertical="center" shrinkToFit="1"/>
    </xf>
    <xf numFmtId="0" fontId="9" fillId="0" borderId="19" xfId="47" applyFont="1" applyBorder="1" applyAlignment="1">
      <alignment horizontal="center" vertical="center" shrinkToFit="1"/>
    </xf>
    <xf numFmtId="176" fontId="9" fillId="0" borderId="136" xfId="47" applyNumberFormat="1" applyFont="1" applyBorder="1" applyAlignment="1">
      <alignment horizontal="right" vertical="center"/>
    </xf>
    <xf numFmtId="176" fontId="9" fillId="0" borderId="137" xfId="47" applyNumberFormat="1" applyFont="1" applyBorder="1" applyAlignment="1">
      <alignment horizontal="right" vertical="center"/>
    </xf>
    <xf numFmtId="0" fontId="9" fillId="0" borderId="19" xfId="47" applyFont="1" applyBorder="1" applyAlignment="1">
      <alignment horizontal="center" vertical="center"/>
    </xf>
    <xf numFmtId="0" fontId="27" fillId="0" borderId="0" xfId="47" applyFont="1" applyAlignment="1">
      <alignment horizontal="center" vertical="center" shrinkToFit="1"/>
    </xf>
    <xf numFmtId="0" fontId="9" fillId="24" borderId="138" xfId="47" applyFont="1" applyFill="1" applyBorder="1" applyAlignment="1">
      <alignment horizontal="center" vertical="center"/>
    </xf>
    <xf numFmtId="0" fontId="9" fillId="24" borderId="139" xfId="47" applyFont="1" applyFill="1" applyBorder="1" applyAlignment="1">
      <alignment horizontal="center" vertical="center"/>
    </xf>
    <xf numFmtId="0" fontId="9" fillId="24" borderId="140" xfId="47" applyFont="1" applyFill="1" applyBorder="1" applyAlignment="1">
      <alignment horizontal="center" vertical="center"/>
    </xf>
    <xf numFmtId="0" fontId="17" fillId="0" borderId="141" xfId="47" applyFont="1" applyBorder="1" applyAlignment="1">
      <alignment horizontal="center" vertical="center"/>
    </xf>
    <xf numFmtId="0" fontId="17" fillId="0" borderId="90" xfId="47" applyFont="1" applyBorder="1" applyAlignment="1">
      <alignment horizontal="center" vertical="center"/>
    </xf>
    <xf numFmtId="0" fontId="17" fillId="0" borderId="91" xfId="47" applyFont="1" applyBorder="1" applyAlignment="1">
      <alignment horizontal="center" vertical="center"/>
    </xf>
    <xf numFmtId="0" fontId="9" fillId="24" borderId="25" xfId="47" applyFont="1" applyFill="1" applyBorder="1" applyAlignment="1">
      <alignment horizontal="center" vertical="center" wrapText="1"/>
    </xf>
    <xf numFmtId="0" fontId="9" fillId="24" borderId="12" xfId="47" applyFont="1" applyFill="1" applyBorder="1" applyAlignment="1">
      <alignment horizontal="center" vertical="center" wrapText="1"/>
    </xf>
    <xf numFmtId="0" fontId="9" fillId="24" borderId="11" xfId="47" applyFont="1" applyFill="1" applyBorder="1" applyAlignment="1">
      <alignment horizontal="center" vertical="center" wrapText="1"/>
    </xf>
    <xf numFmtId="0" fontId="9" fillId="0" borderId="142" xfId="47" applyFont="1" applyBorder="1" applyAlignment="1">
      <alignment horizontal="center" vertical="center"/>
    </xf>
    <xf numFmtId="0" fontId="9" fillId="0" borderId="143" xfId="47" applyFont="1" applyBorder="1" applyAlignment="1">
      <alignment horizontal="center" vertical="center"/>
    </xf>
    <xf numFmtId="0" fontId="6" fillId="31" borderId="98" xfId="45" applyFill="1" applyBorder="1" applyAlignment="1">
      <alignment horizontal="center"/>
    </xf>
    <xf numFmtId="0" fontId="6" fillId="31" borderId="97" xfId="45" applyFill="1" applyBorder="1" applyAlignment="1">
      <alignment horizontal="center"/>
    </xf>
    <xf numFmtId="0" fontId="6" fillId="31" borderId="96" xfId="45" applyFill="1" applyBorder="1" applyAlignment="1">
      <alignment horizontal="center"/>
    </xf>
    <xf numFmtId="0" fontId="9" fillId="0" borderId="144" xfId="47" applyFont="1" applyBorder="1" applyAlignment="1">
      <alignment horizontal="left" vertical="center"/>
    </xf>
    <xf numFmtId="0" fontId="9" fillId="0" borderId="106" xfId="47" applyFont="1" applyBorder="1" applyAlignment="1">
      <alignment horizontal="left" vertical="center"/>
    </xf>
    <xf numFmtId="0" fontId="9" fillId="0" borderId="145" xfId="47" applyFont="1" applyBorder="1" applyAlignment="1">
      <alignment horizontal="left" vertical="center"/>
    </xf>
    <xf numFmtId="0" fontId="9" fillId="0" borderId="136" xfId="47" applyFont="1" applyBorder="1" applyAlignment="1">
      <alignment horizontal="center" vertical="center"/>
    </xf>
    <xf numFmtId="0" fontId="9" fillId="0" borderId="26" xfId="47" applyFont="1" applyBorder="1" applyAlignment="1">
      <alignment horizontal="center" vertical="center"/>
    </xf>
    <xf numFmtId="0" fontId="27" fillId="0" borderId="0" xfId="57" applyFont="1" applyAlignment="1">
      <alignment horizontal="center" vertical="center" shrinkToFit="1"/>
    </xf>
    <xf numFmtId="0" fontId="4" fillId="0" borderId="0" xfId="60" applyAlignment="1">
      <alignment horizontal="center" vertical="center" shrinkToFit="1"/>
    </xf>
    <xf numFmtId="0" fontId="6" fillId="0" borderId="115" xfId="45" applyBorder="1" applyAlignment="1">
      <alignment horizontal="center"/>
    </xf>
    <xf numFmtId="0" fontId="6" fillId="0" borderId="130" xfId="45" applyBorder="1" applyAlignment="1">
      <alignment horizontal="center"/>
    </xf>
    <xf numFmtId="0" fontId="41" fillId="0" borderId="66" xfId="45" applyFont="1" applyBorder="1" applyAlignment="1">
      <alignment vertical="center" wrapText="1"/>
    </xf>
    <xf numFmtId="0" fontId="41" fillId="0" borderId="67" xfId="45" applyFont="1" applyBorder="1" applyAlignment="1">
      <alignment vertical="center" wrapText="1"/>
    </xf>
    <xf numFmtId="0" fontId="6" fillId="0" borderId="98" xfId="45" applyBorder="1" applyAlignment="1" applyProtection="1">
      <alignment vertical="top"/>
      <protection locked="0"/>
    </xf>
    <xf numFmtId="0" fontId="6" fillId="0" borderId="97" xfId="45" applyBorder="1" applyAlignment="1" applyProtection="1">
      <alignment vertical="top"/>
      <protection locked="0"/>
    </xf>
    <xf numFmtId="0" fontId="6" fillId="0" borderId="96" xfId="45" applyBorder="1" applyAlignment="1" applyProtection="1">
      <alignment vertical="top"/>
      <protection locked="0"/>
    </xf>
    <xf numFmtId="0" fontId="46" fillId="0" borderId="20" xfId="47" applyFont="1" applyBorder="1" applyAlignment="1">
      <alignment horizontal="center" vertical="center" shrinkToFit="1"/>
    </xf>
    <xf numFmtId="0" fontId="106" fillId="0" borderId="21" xfId="60" applyFont="1" applyBorder="1" applyAlignment="1">
      <alignment horizontal="center" vertical="center" shrinkToFit="1"/>
    </xf>
    <xf numFmtId="0" fontId="6" fillId="0" borderId="0" xfId="45" applyAlignment="1">
      <alignment horizontal="right" shrinkToFit="1"/>
    </xf>
    <xf numFmtId="0" fontId="4" fillId="0" borderId="114" xfId="60" applyBorder="1" applyAlignment="1">
      <alignment horizontal="right" shrinkToFit="1"/>
    </xf>
    <xf numFmtId="0" fontId="9" fillId="37" borderId="138" xfId="47" applyFont="1" applyFill="1" applyBorder="1" applyAlignment="1">
      <alignment horizontal="center" vertical="center"/>
    </xf>
    <xf numFmtId="0" fontId="9" fillId="37" borderId="139" xfId="47" applyFont="1" applyFill="1" applyBorder="1" applyAlignment="1">
      <alignment horizontal="center" vertical="center"/>
    </xf>
    <xf numFmtId="0" fontId="9" fillId="37" borderId="140" xfId="47" applyFont="1" applyFill="1" applyBorder="1" applyAlignment="1">
      <alignment horizontal="center" vertical="center"/>
    </xf>
    <xf numFmtId="0" fontId="6" fillId="0" borderId="45" xfId="47" applyBorder="1" applyAlignment="1">
      <alignment horizontal="left" vertical="center" indent="1"/>
    </xf>
    <xf numFmtId="0" fontId="6" fillId="0" borderId="46" xfId="47" applyBorder="1" applyAlignment="1">
      <alignment horizontal="left" vertical="center" indent="1"/>
    </xf>
    <xf numFmtId="0" fontId="6" fillId="0" borderId="47" xfId="47" applyBorder="1" applyAlignment="1">
      <alignment horizontal="left" vertical="center" indent="1"/>
    </xf>
    <xf numFmtId="0" fontId="6" fillId="0" borderId="20" xfId="47" applyBorder="1" applyAlignment="1">
      <alignment horizontal="left" vertical="center" indent="1"/>
    </xf>
    <xf numFmtId="0" fontId="6" fillId="0" borderId="18" xfId="47" applyBorder="1" applyAlignment="1">
      <alignment horizontal="left" vertical="center" indent="1"/>
    </xf>
    <xf numFmtId="0" fontId="6" fillId="0" borderId="19" xfId="47" applyBorder="1" applyAlignment="1">
      <alignment horizontal="left" vertical="center" indent="1"/>
    </xf>
    <xf numFmtId="0" fontId="9" fillId="36" borderId="25" xfId="47" applyFont="1" applyFill="1" applyBorder="1" applyAlignment="1">
      <alignment vertical="center" wrapText="1"/>
    </xf>
    <xf numFmtId="0" fontId="9" fillId="36" borderId="12" xfId="47" applyFont="1" applyFill="1" applyBorder="1" applyAlignment="1">
      <alignment vertical="center" wrapText="1"/>
    </xf>
    <xf numFmtId="176" fontId="6" fillId="0" borderId="18" xfId="0" applyNumberFormat="1" applyFont="1" applyBorder="1" applyAlignment="1">
      <alignment horizontal="center" vertical="center"/>
    </xf>
    <xf numFmtId="0" fontId="6" fillId="0" borderId="19" xfId="0" applyFont="1" applyBorder="1" applyAlignment="1">
      <alignment horizontal="center" vertical="center"/>
    </xf>
    <xf numFmtId="0" fontId="6" fillId="0" borderId="131" xfId="47" applyBorder="1" applyAlignment="1">
      <alignment vertical="center"/>
    </xf>
    <xf numFmtId="0" fontId="9" fillId="37" borderId="16" xfId="47" applyFont="1" applyFill="1" applyBorder="1" applyAlignment="1">
      <alignment horizontal="center" vertical="center" wrapText="1"/>
    </xf>
    <xf numFmtId="0" fontId="9" fillId="37" borderId="12" xfId="47" applyFont="1" applyFill="1" applyBorder="1" applyAlignment="1">
      <alignment horizontal="center" vertical="center" wrapText="1"/>
    </xf>
    <xf numFmtId="0" fontId="9" fillId="37" borderId="66" xfId="47" applyFont="1" applyFill="1" applyBorder="1" applyAlignment="1">
      <alignment horizontal="center" vertical="center" wrapText="1"/>
    </xf>
    <xf numFmtId="0" fontId="6" fillId="32" borderId="141" xfId="45" applyFill="1" applyBorder="1" applyAlignment="1">
      <alignment horizontal="left" vertical="center" indent="1"/>
    </xf>
    <xf numFmtId="0" fontId="6" fillId="32" borderId="90" xfId="45" applyFill="1" applyBorder="1" applyAlignment="1">
      <alignment horizontal="left" vertical="center" indent="1"/>
    </xf>
    <xf numFmtId="0" fontId="115" fillId="32" borderId="179" xfId="60" applyFont="1" applyFill="1" applyBorder="1" applyAlignment="1">
      <alignment horizontal="left" vertical="center" indent="1"/>
    </xf>
    <xf numFmtId="0" fontId="6" fillId="32" borderId="64" xfId="45" applyFill="1" applyBorder="1" applyAlignment="1">
      <alignment horizontal="left" vertical="center" indent="1"/>
    </xf>
    <xf numFmtId="0" fontId="6" fillId="32" borderId="0" xfId="45" applyFill="1" applyAlignment="1">
      <alignment horizontal="left" vertical="center" indent="1"/>
    </xf>
    <xf numFmtId="0" fontId="115" fillId="32" borderId="65" xfId="60" applyFont="1" applyFill="1" applyBorder="1" applyAlignment="1">
      <alignment horizontal="left" vertical="center" indent="1"/>
    </xf>
    <xf numFmtId="0" fontId="115" fillId="32" borderId="64" xfId="60" applyFont="1" applyFill="1" applyBorder="1" applyAlignment="1">
      <alignment horizontal="left" vertical="center" indent="1"/>
    </xf>
    <xf numFmtId="0" fontId="115" fillId="32" borderId="0" xfId="60" applyFont="1" applyFill="1" applyAlignment="1">
      <alignment horizontal="left" vertical="center" indent="1"/>
    </xf>
    <xf numFmtId="0" fontId="115" fillId="32" borderId="33" xfId="60" applyFont="1" applyFill="1" applyBorder="1" applyAlignment="1">
      <alignment horizontal="left" vertical="center" indent="1"/>
    </xf>
    <xf numFmtId="0" fontId="115" fillId="32" borderId="10" xfId="60" applyFont="1" applyFill="1" applyBorder="1" applyAlignment="1">
      <alignment horizontal="left" vertical="center" indent="1"/>
    </xf>
    <xf numFmtId="0" fontId="115" fillId="32" borderId="32" xfId="60" applyFont="1" applyFill="1" applyBorder="1" applyAlignment="1">
      <alignment horizontal="left" vertical="center" indent="1"/>
    </xf>
    <xf numFmtId="0" fontId="6" fillId="32" borderId="105" xfId="45" applyFill="1" applyBorder="1" applyAlignment="1">
      <alignment vertical="center" shrinkToFit="1"/>
    </xf>
    <xf numFmtId="0" fontId="115" fillId="32" borderId="105" xfId="60" applyFont="1" applyFill="1" applyBorder="1" applyAlignment="1">
      <alignment vertical="center" shrinkToFit="1"/>
    </xf>
    <xf numFmtId="0" fontId="6" fillId="32" borderId="103" xfId="45" applyFill="1" applyBorder="1" applyAlignment="1">
      <alignment vertical="center" shrinkToFit="1"/>
    </xf>
    <xf numFmtId="0" fontId="115" fillId="32" borderId="103" xfId="60" applyFont="1" applyFill="1" applyBorder="1" applyAlignment="1">
      <alignment vertical="center" shrinkToFit="1"/>
    </xf>
    <xf numFmtId="0" fontId="6" fillId="32" borderId="102" xfId="45" applyFill="1" applyBorder="1" applyAlignment="1">
      <alignment vertical="center" shrinkToFit="1"/>
    </xf>
    <xf numFmtId="0" fontId="6" fillId="32" borderId="101" xfId="45" applyFill="1" applyBorder="1" applyAlignment="1">
      <alignment vertical="center" shrinkToFit="1"/>
    </xf>
    <xf numFmtId="0" fontId="115" fillId="32" borderId="28" xfId="60" applyFont="1" applyFill="1" applyBorder="1" applyAlignment="1">
      <alignment vertical="center" shrinkToFit="1"/>
    </xf>
    <xf numFmtId="0" fontId="6" fillId="32" borderId="142" xfId="45" applyFill="1" applyBorder="1" applyAlignment="1">
      <alignment vertical="center"/>
    </xf>
    <xf numFmtId="0" fontId="115" fillId="32" borderId="143" xfId="60" applyFont="1" applyFill="1" applyBorder="1">
      <alignment vertical="center"/>
    </xf>
    <xf numFmtId="0" fontId="115" fillId="32" borderId="170" xfId="60" applyFont="1" applyFill="1" applyBorder="1">
      <alignment vertical="center"/>
    </xf>
    <xf numFmtId="0" fontId="115" fillId="32" borderId="174" xfId="60" applyFont="1" applyFill="1" applyBorder="1">
      <alignment vertical="center"/>
    </xf>
    <xf numFmtId="0" fontId="6" fillId="32" borderId="64" xfId="45" applyFill="1" applyBorder="1" applyAlignment="1">
      <alignment vertical="center"/>
    </xf>
    <xf numFmtId="0" fontId="115" fillId="32" borderId="65" xfId="60" applyFont="1" applyFill="1" applyBorder="1">
      <alignment vertical="center"/>
    </xf>
    <xf numFmtId="0" fontId="6" fillId="32" borderId="170" xfId="45" applyFill="1" applyBorder="1" applyAlignment="1">
      <alignment vertical="center"/>
    </xf>
    <xf numFmtId="0" fontId="6" fillId="0" borderId="101" xfId="0" applyFont="1" applyBorder="1" applyAlignment="1">
      <alignment vertical="center" shrinkToFit="1"/>
    </xf>
    <xf numFmtId="0" fontId="6" fillId="0" borderId="28" xfId="0" applyFont="1" applyBorder="1" applyAlignment="1">
      <alignment vertical="center" shrinkToFit="1"/>
    </xf>
    <xf numFmtId="0" fontId="6" fillId="0" borderId="31" xfId="45" applyBorder="1" applyAlignment="1">
      <alignment vertical="top" shrinkToFit="1"/>
    </xf>
    <xf numFmtId="0" fontId="6" fillId="0" borderId="31" xfId="0" applyFont="1" applyBorder="1" applyAlignment="1">
      <alignment vertical="top" shrinkToFit="1"/>
    </xf>
    <xf numFmtId="0" fontId="6" fillId="0" borderId="180" xfId="0" applyFont="1" applyBorder="1" applyAlignment="1">
      <alignment vertical="top" shrinkToFit="1"/>
    </xf>
    <xf numFmtId="0" fontId="6" fillId="32" borderId="22" xfId="45" applyFill="1" applyBorder="1" applyAlignment="1">
      <alignment vertical="center"/>
    </xf>
    <xf numFmtId="0" fontId="115" fillId="32" borderId="63" xfId="60" applyFont="1" applyFill="1" applyBorder="1">
      <alignment vertical="center"/>
    </xf>
    <xf numFmtId="0" fontId="6" fillId="32" borderId="136" xfId="45" applyFill="1" applyBorder="1" applyAlignment="1">
      <alignment vertical="center" shrinkToFit="1"/>
    </xf>
    <xf numFmtId="0" fontId="6" fillId="32" borderId="137" xfId="45" applyFill="1" applyBorder="1" applyAlignment="1">
      <alignment vertical="center" shrinkToFit="1"/>
    </xf>
    <xf numFmtId="0" fontId="115" fillId="32" borderId="26" xfId="60" applyFont="1" applyFill="1" applyBorder="1" applyAlignment="1">
      <alignment vertical="center" shrinkToFit="1"/>
    </xf>
    <xf numFmtId="0" fontId="6" fillId="32" borderId="170" xfId="45" applyFill="1" applyBorder="1" applyAlignment="1">
      <alignment vertical="center" shrinkToFit="1"/>
    </xf>
    <xf numFmtId="0" fontId="6" fillId="32" borderId="171" xfId="45" applyFill="1" applyBorder="1" applyAlignment="1">
      <alignment vertical="center" shrinkToFit="1"/>
    </xf>
    <xf numFmtId="0" fontId="115" fillId="32" borderId="174" xfId="60" applyFont="1" applyFill="1" applyBorder="1" applyAlignment="1">
      <alignment vertical="center" shrinkToFit="1"/>
    </xf>
    <xf numFmtId="0" fontId="6" fillId="32" borderId="181" xfId="45" applyFill="1" applyBorder="1" applyAlignment="1">
      <alignment vertical="center" shrinkToFit="1"/>
    </xf>
    <xf numFmtId="0" fontId="115" fillId="32" borderId="181" xfId="60" applyFont="1" applyFill="1" applyBorder="1" applyAlignment="1">
      <alignment vertical="center" shrinkToFit="1"/>
    </xf>
    <xf numFmtId="0" fontId="6" fillId="32" borderId="142" xfId="47" applyFill="1" applyBorder="1" applyAlignment="1">
      <alignment vertical="center" shrinkToFit="1"/>
    </xf>
    <xf numFmtId="0" fontId="6" fillId="32" borderId="109" xfId="47" applyFill="1" applyBorder="1" applyAlignment="1">
      <alignment vertical="center" shrinkToFit="1"/>
    </xf>
    <xf numFmtId="0" fontId="115" fillId="32" borderId="143" xfId="60" applyFont="1" applyFill="1" applyBorder="1" applyAlignment="1">
      <alignment vertical="center" shrinkToFit="1"/>
    </xf>
    <xf numFmtId="0" fontId="6" fillId="0" borderId="33" xfId="0" applyFont="1" applyBorder="1" applyAlignment="1">
      <alignment vertical="center"/>
    </xf>
    <xf numFmtId="0" fontId="6" fillId="0" borderId="32" xfId="0" applyFont="1" applyBorder="1" applyAlignment="1">
      <alignment vertical="center"/>
    </xf>
    <xf numFmtId="0" fontId="6" fillId="32" borderId="136" xfId="45" applyFill="1" applyBorder="1" applyAlignment="1">
      <alignment vertical="center" textRotation="255"/>
    </xf>
    <xf numFmtId="0" fontId="6" fillId="32" borderId="170" xfId="45" applyFill="1" applyBorder="1" applyAlignment="1">
      <alignment vertical="center" textRotation="255"/>
    </xf>
    <xf numFmtId="0" fontId="6" fillId="32" borderId="102" xfId="45" applyFill="1" applyBorder="1" applyAlignment="1">
      <alignment vertical="center" textRotation="255"/>
    </xf>
    <xf numFmtId="0" fontId="6" fillId="32" borderId="142" xfId="45" applyFill="1" applyBorder="1" applyAlignment="1">
      <alignment vertical="center" textRotation="255"/>
    </xf>
    <xf numFmtId="0" fontId="6" fillId="32" borderId="30" xfId="45" applyFill="1" applyBorder="1" applyAlignment="1">
      <alignment vertical="center" textRotation="255"/>
    </xf>
    <xf numFmtId="0" fontId="6" fillId="32" borderId="22" xfId="45" applyFill="1" applyBorder="1" applyAlignment="1">
      <alignment horizontal="center" vertical="center" wrapText="1"/>
    </xf>
    <xf numFmtId="0" fontId="6" fillId="32" borderId="23" xfId="45" applyFill="1" applyBorder="1" applyAlignment="1">
      <alignment horizontal="center" vertical="center" wrapText="1"/>
    </xf>
    <xf numFmtId="0" fontId="115" fillId="32" borderId="63" xfId="60" applyFont="1" applyFill="1" applyBorder="1" applyAlignment="1">
      <alignment horizontal="center" vertical="center" wrapText="1"/>
    </xf>
    <xf numFmtId="0" fontId="6" fillId="32" borderId="64" xfId="45" applyFill="1" applyBorder="1" applyAlignment="1">
      <alignment horizontal="center" vertical="center" wrapText="1"/>
    </xf>
    <xf numFmtId="0" fontId="6" fillId="32" borderId="0" xfId="45" applyFill="1" applyAlignment="1">
      <alignment horizontal="center" vertical="center" wrapText="1"/>
    </xf>
    <xf numFmtId="0" fontId="115" fillId="32" borderId="65" xfId="60" applyFont="1" applyFill="1" applyBorder="1" applyAlignment="1">
      <alignment horizontal="center" vertical="center" wrapText="1"/>
    </xf>
    <xf numFmtId="0" fontId="115" fillId="32" borderId="64" xfId="60" applyFont="1" applyFill="1" applyBorder="1" applyAlignment="1">
      <alignment horizontal="center" vertical="center" wrapText="1"/>
    </xf>
    <xf numFmtId="0" fontId="115" fillId="32" borderId="0" xfId="60" applyFont="1" applyFill="1" applyAlignment="1">
      <alignment horizontal="center" vertical="center" wrapText="1"/>
    </xf>
    <xf numFmtId="0" fontId="6" fillId="0" borderId="162" xfId="0" applyFont="1" applyBorder="1" applyAlignment="1">
      <alignment horizontal="center" vertical="center" wrapText="1"/>
    </xf>
    <xf numFmtId="0" fontId="6" fillId="0" borderId="68" xfId="0" applyFont="1" applyBorder="1" applyAlignment="1">
      <alignment horizontal="center" vertical="center" wrapText="1"/>
    </xf>
    <xf numFmtId="0" fontId="6" fillId="0" borderId="164" xfId="0" applyFont="1" applyBorder="1" applyAlignment="1">
      <alignment horizontal="center" vertical="center" wrapText="1"/>
    </xf>
    <xf numFmtId="0" fontId="6" fillId="32" borderId="142" xfId="45" applyFill="1" applyBorder="1" applyAlignment="1">
      <alignment vertical="center" shrinkToFit="1"/>
    </xf>
    <xf numFmtId="0" fontId="6" fillId="32" borderId="109" xfId="45" applyFill="1" applyBorder="1" applyAlignment="1">
      <alignment vertical="center" shrinkToFit="1"/>
    </xf>
    <xf numFmtId="0" fontId="6" fillId="0" borderId="106" xfId="45" applyBorder="1" applyAlignment="1">
      <alignment vertical="top" shrinkToFit="1"/>
    </xf>
    <xf numFmtId="0" fontId="6" fillId="0" borderId="106" xfId="0" applyFont="1" applyBorder="1" applyAlignment="1">
      <alignment vertical="top" shrinkToFit="1"/>
    </xf>
    <xf numFmtId="0" fontId="6" fillId="0" borderId="145" xfId="0" applyFont="1" applyBorder="1" applyAlignment="1">
      <alignment vertical="top" shrinkToFit="1"/>
    </xf>
    <xf numFmtId="0" fontId="9" fillId="37" borderId="11" xfId="47" applyFont="1" applyFill="1" applyBorder="1" applyAlignment="1">
      <alignment horizontal="center" vertical="center" wrapText="1"/>
    </xf>
    <xf numFmtId="0" fontId="6" fillId="0" borderId="171" xfId="47" applyBorder="1" applyAlignment="1">
      <alignment vertical="center"/>
    </xf>
    <xf numFmtId="0" fontId="6" fillId="0" borderId="170" xfId="47" applyBorder="1" applyAlignment="1">
      <alignment vertical="center"/>
    </xf>
    <xf numFmtId="0" fontId="115" fillId="0" borderId="171" xfId="60" applyFont="1" applyBorder="1">
      <alignment vertical="center"/>
    </xf>
    <xf numFmtId="0" fontId="6" fillId="0" borderId="109" xfId="47" applyBorder="1" applyAlignment="1">
      <alignment vertical="center" wrapText="1"/>
    </xf>
    <xf numFmtId="0" fontId="6" fillId="0" borderId="0" xfId="47" applyAlignment="1">
      <alignment vertical="center" wrapText="1"/>
    </xf>
    <xf numFmtId="0" fontId="6" fillId="0" borderId="173" xfId="47" applyBorder="1" applyAlignment="1">
      <alignment vertical="center" wrapText="1"/>
    </xf>
    <xf numFmtId="0" fontId="9" fillId="37" borderId="25" xfId="47" applyFont="1" applyFill="1" applyBorder="1" applyAlignment="1">
      <alignment horizontal="center" vertical="center" wrapText="1"/>
    </xf>
    <xf numFmtId="0" fontId="6" fillId="32" borderId="136" xfId="47" applyFill="1" applyBorder="1" applyAlignment="1">
      <alignment vertical="center" shrinkToFit="1"/>
    </xf>
    <xf numFmtId="0" fontId="6" fillId="32" borderId="137" xfId="47" applyFill="1" applyBorder="1" applyAlignment="1">
      <alignment vertical="center" shrinkToFit="1"/>
    </xf>
    <xf numFmtId="0" fontId="6" fillId="32" borderId="26" xfId="47" applyFill="1" applyBorder="1" applyAlignment="1">
      <alignment vertical="center" shrinkToFit="1"/>
    </xf>
    <xf numFmtId="0" fontId="6" fillId="0" borderId="137" xfId="47" applyBorder="1" applyAlignment="1">
      <alignment horizontal="center" vertical="center"/>
    </xf>
    <xf numFmtId="0" fontId="6" fillId="0" borderId="27" xfId="47" applyBorder="1" applyAlignment="1">
      <alignment horizontal="center" vertical="center"/>
    </xf>
    <xf numFmtId="0" fontId="6" fillId="32" borderId="30" xfId="47" applyFill="1" applyBorder="1" applyAlignment="1">
      <alignment horizontal="right" vertical="center" shrinkToFit="1"/>
    </xf>
    <xf numFmtId="0" fontId="6" fillId="32" borderId="31" xfId="47" applyFill="1" applyBorder="1" applyAlignment="1">
      <alignment horizontal="right" vertical="center" shrinkToFit="1"/>
    </xf>
    <xf numFmtId="0" fontId="6" fillId="32" borderId="172" xfId="47" applyFill="1" applyBorder="1" applyAlignment="1">
      <alignment horizontal="right" vertical="center" shrinkToFit="1"/>
    </xf>
    <xf numFmtId="0" fontId="6" fillId="0" borderId="30" xfId="47" applyBorder="1" applyAlignment="1">
      <alignment horizontal="center" vertical="center"/>
    </xf>
    <xf numFmtId="0" fontId="6" fillId="0" borderId="31" xfId="47" applyBorder="1" applyAlignment="1">
      <alignment horizontal="center" vertical="center"/>
    </xf>
    <xf numFmtId="0" fontId="6" fillId="0" borderId="180" xfId="47" applyBorder="1" applyAlignment="1">
      <alignment horizontal="center" vertical="center"/>
    </xf>
    <xf numFmtId="0" fontId="9" fillId="37" borderId="182" xfId="47" applyFont="1" applyFill="1" applyBorder="1" applyAlignment="1">
      <alignment horizontal="center" vertical="center" wrapText="1"/>
    </xf>
    <xf numFmtId="0" fontId="0" fillId="0" borderId="183" xfId="0" applyBorder="1" applyAlignment="1">
      <alignment horizontal="center" vertical="center" wrapText="1"/>
    </xf>
    <xf numFmtId="0" fontId="6" fillId="0" borderId="137" xfId="47" applyBorder="1" applyAlignment="1">
      <alignment horizontal="center" vertical="center" shrinkToFit="1"/>
    </xf>
    <xf numFmtId="0" fontId="6" fillId="0" borderId="27" xfId="47" applyBorder="1" applyAlignment="1">
      <alignment horizontal="center" vertical="center" shrinkToFit="1"/>
    </xf>
    <xf numFmtId="0" fontId="6" fillId="0" borderId="142" xfId="47" applyBorder="1" applyAlignment="1">
      <alignment vertical="center" wrapText="1"/>
    </xf>
    <xf numFmtId="0" fontId="6" fillId="0" borderId="109" xfId="0" applyFont="1" applyBorder="1" applyAlignment="1">
      <alignment vertical="center" wrapText="1"/>
    </xf>
    <xf numFmtId="0" fontId="6" fillId="0" borderId="173" xfId="0" applyFont="1" applyBorder="1" applyAlignment="1">
      <alignment vertical="center" wrapText="1"/>
    </xf>
    <xf numFmtId="0" fontId="6" fillId="32" borderId="107" xfId="47" applyFill="1" applyBorder="1" applyAlignment="1">
      <alignment vertical="center" shrinkToFit="1"/>
    </xf>
    <xf numFmtId="0" fontId="6" fillId="32" borderId="131" xfId="47" applyFill="1" applyBorder="1" applyAlignment="1">
      <alignment vertical="center" shrinkToFit="1"/>
    </xf>
    <xf numFmtId="0" fontId="6" fillId="32" borderId="108" xfId="47" applyFill="1" applyBorder="1" applyAlignment="1">
      <alignment vertical="center" shrinkToFit="1"/>
    </xf>
    <xf numFmtId="0" fontId="6" fillId="0" borderId="131" xfId="47" applyBorder="1" applyAlignment="1">
      <alignment horizontal="center" vertical="center" shrinkToFit="1"/>
    </xf>
    <xf numFmtId="0" fontId="6" fillId="0" borderId="132" xfId="47" applyBorder="1" applyAlignment="1">
      <alignment horizontal="center" vertical="center" shrinkToFit="1"/>
    </xf>
    <xf numFmtId="0" fontId="4" fillId="37" borderId="12" xfId="60" applyFill="1" applyBorder="1" applyAlignment="1">
      <alignment horizontal="center" vertical="center" wrapText="1"/>
    </xf>
    <xf numFmtId="0" fontId="80" fillId="0" borderId="45" xfId="47" applyFont="1" applyBorder="1" applyAlignment="1">
      <alignment horizontal="left" vertical="center" indent="1"/>
    </xf>
    <xf numFmtId="0" fontId="80" fillId="0" borderId="46" xfId="47" applyFont="1" applyBorder="1" applyAlignment="1">
      <alignment horizontal="left" vertical="center" indent="1"/>
    </xf>
    <xf numFmtId="0" fontId="80" fillId="0" borderId="47" xfId="47" applyFont="1" applyBorder="1" applyAlignment="1">
      <alignment horizontal="left" vertical="center" indent="1"/>
    </xf>
    <xf numFmtId="0" fontId="80" fillId="0" borderId="20" xfId="47" applyFont="1" applyBorder="1" applyAlignment="1">
      <alignment horizontal="left" vertical="center" indent="1"/>
    </xf>
    <xf numFmtId="0" fontId="80" fillId="0" borderId="18" xfId="47" applyFont="1" applyBorder="1" applyAlignment="1">
      <alignment horizontal="left" vertical="center" indent="1"/>
    </xf>
    <xf numFmtId="0" fontId="80" fillId="0" borderId="19" xfId="47" applyFont="1" applyBorder="1" applyAlignment="1">
      <alignment horizontal="left" vertical="center" indent="1"/>
    </xf>
    <xf numFmtId="176" fontId="80" fillId="0" borderId="18" xfId="0" applyNumberFormat="1" applyFont="1" applyBorder="1" applyAlignment="1">
      <alignment horizontal="center" vertical="center"/>
    </xf>
    <xf numFmtId="0" fontId="80" fillId="0" borderId="19" xfId="0" applyFont="1" applyBorder="1" applyAlignment="1">
      <alignment horizontal="center" vertical="center"/>
    </xf>
    <xf numFmtId="0" fontId="80" fillId="0" borderId="131" xfId="47" applyFont="1" applyBorder="1" applyAlignment="1">
      <alignment vertical="center"/>
    </xf>
    <xf numFmtId="0" fontId="4" fillId="32" borderId="179" xfId="60" applyFill="1" applyBorder="1" applyAlignment="1">
      <alignment horizontal="left" vertical="center" indent="1"/>
    </xf>
    <xf numFmtId="0" fontId="4" fillId="32" borderId="65" xfId="60" applyFill="1" applyBorder="1" applyAlignment="1">
      <alignment horizontal="left" vertical="center" indent="1"/>
    </xf>
    <xf numFmtId="0" fontId="4" fillId="32" borderId="64" xfId="60" applyFill="1" applyBorder="1" applyAlignment="1">
      <alignment horizontal="left" vertical="center" indent="1"/>
    </xf>
    <xf numFmtId="0" fontId="4" fillId="32" borderId="0" xfId="60" applyFill="1" applyAlignment="1">
      <alignment horizontal="left" vertical="center" indent="1"/>
    </xf>
    <xf numFmtId="0" fontId="4" fillId="32" borderId="33" xfId="60" applyFill="1" applyBorder="1" applyAlignment="1">
      <alignment horizontal="left" vertical="center" indent="1"/>
    </xf>
    <xf numFmtId="0" fontId="4" fillId="32" borderId="10" xfId="60" applyFill="1" applyBorder="1" applyAlignment="1">
      <alignment horizontal="left" vertical="center" indent="1"/>
    </xf>
    <xf numFmtId="0" fontId="4" fillId="32" borderId="32" xfId="60" applyFill="1" applyBorder="1" applyAlignment="1">
      <alignment horizontal="left" vertical="center" indent="1"/>
    </xf>
    <xf numFmtId="0" fontId="4" fillId="32" borderId="105" xfId="60" applyFill="1" applyBorder="1" applyAlignment="1">
      <alignment vertical="center" shrinkToFit="1"/>
    </xf>
    <xf numFmtId="0" fontId="0" fillId="32" borderId="103" xfId="45" applyFont="1" applyFill="1" applyBorder="1" applyAlignment="1">
      <alignment vertical="center" shrinkToFit="1"/>
    </xf>
    <xf numFmtId="0" fontId="4" fillId="32" borderId="103" xfId="60" applyFill="1" applyBorder="1" applyAlignment="1">
      <alignment vertical="center" shrinkToFit="1"/>
    </xf>
    <xf numFmtId="0" fontId="4" fillId="32" borderId="28" xfId="60" applyFill="1" applyBorder="1" applyAlignment="1">
      <alignment vertical="center" shrinkToFit="1"/>
    </xf>
    <xf numFmtId="0" fontId="4" fillId="32" borderId="143" xfId="60" applyFill="1" applyBorder="1">
      <alignment vertical="center"/>
    </xf>
    <xf numFmtId="0" fontId="4" fillId="32" borderId="170" xfId="60" applyFill="1" applyBorder="1">
      <alignment vertical="center"/>
    </xf>
    <xf numFmtId="0" fontId="4" fillId="32" borderId="174" xfId="60" applyFill="1" applyBorder="1">
      <alignment vertical="center"/>
    </xf>
    <xf numFmtId="0" fontId="4" fillId="32" borderId="65" xfId="60" applyFill="1" applyBorder="1">
      <alignment vertical="center"/>
    </xf>
    <xf numFmtId="0" fontId="0" fillId="32" borderId="102" xfId="45" applyFont="1" applyFill="1" applyBorder="1" applyAlignment="1">
      <alignment vertical="center" shrinkToFit="1"/>
    </xf>
    <xf numFmtId="0" fontId="0" fillId="0" borderId="101" xfId="0" applyBorder="1" applyAlignment="1">
      <alignment vertical="center" shrinkToFit="1"/>
    </xf>
    <xf numFmtId="0" fontId="0" fillId="0" borderId="28" xfId="0" applyBorder="1" applyAlignment="1">
      <alignment vertical="center" shrinkToFit="1"/>
    </xf>
    <xf numFmtId="0" fontId="0" fillId="0" borderId="31" xfId="45" applyFont="1" applyBorder="1" applyAlignment="1">
      <alignment vertical="top" shrinkToFit="1"/>
    </xf>
    <xf numFmtId="0" fontId="0" fillId="0" borderId="31" xfId="0" applyBorder="1" applyAlignment="1">
      <alignment vertical="top" shrinkToFit="1"/>
    </xf>
    <xf numFmtId="0" fontId="0" fillId="0" borderId="180" xfId="0" applyBorder="1" applyAlignment="1">
      <alignment vertical="top" shrinkToFit="1"/>
    </xf>
    <xf numFmtId="0" fontId="4" fillId="32" borderId="63" xfId="60" applyFill="1" applyBorder="1">
      <alignment vertical="center"/>
    </xf>
    <xf numFmtId="0" fontId="0" fillId="32" borderId="136" xfId="45" applyFont="1" applyFill="1" applyBorder="1" applyAlignment="1">
      <alignment vertical="center" shrinkToFit="1"/>
    </xf>
    <xf numFmtId="0" fontId="4" fillId="32" borderId="26" xfId="60" applyFill="1" applyBorder="1" applyAlignment="1">
      <alignment vertical="center" shrinkToFit="1"/>
    </xf>
    <xf numFmtId="0" fontId="0" fillId="32" borderId="170" xfId="45" applyFont="1" applyFill="1" applyBorder="1" applyAlignment="1">
      <alignment vertical="center" shrinkToFit="1"/>
    </xf>
    <xf numFmtId="0" fontId="4" fillId="32" borderId="174" xfId="60" applyFill="1" applyBorder="1" applyAlignment="1">
      <alignment vertical="center" shrinkToFit="1"/>
    </xf>
    <xf numFmtId="0" fontId="4" fillId="32" borderId="181" xfId="60" applyFill="1" applyBorder="1" applyAlignment="1">
      <alignment vertical="center" shrinkToFit="1"/>
    </xf>
    <xf numFmtId="0" fontId="9" fillId="32" borderId="142" xfId="47" applyFont="1" applyFill="1" applyBorder="1" applyAlignment="1">
      <alignment vertical="center" shrinkToFit="1"/>
    </xf>
    <xf numFmtId="0" fontId="9" fillId="32" borderId="109" xfId="47" applyFont="1" applyFill="1" applyBorder="1" applyAlignment="1">
      <alignment vertical="center" shrinkToFit="1"/>
    </xf>
    <xf numFmtId="0" fontId="4" fillId="32" borderId="143" xfId="60" applyFill="1" applyBorder="1" applyAlignment="1">
      <alignment vertical="center" shrinkToFit="1"/>
    </xf>
    <xf numFmtId="0" fontId="80" fillId="0" borderId="31" xfId="45" applyFont="1" applyBorder="1" applyAlignment="1">
      <alignment vertical="top" shrinkToFit="1"/>
    </xf>
    <xf numFmtId="0" fontId="80" fillId="0" borderId="31" xfId="0" applyFont="1" applyBorder="1" applyAlignment="1">
      <alignment vertical="top" shrinkToFit="1"/>
    </xf>
    <xf numFmtId="0" fontId="80" fillId="0" borderId="180" xfId="0" applyFont="1" applyBorder="1" applyAlignment="1">
      <alignment vertical="top" shrinkToFit="1"/>
    </xf>
    <xf numFmtId="0" fontId="0" fillId="32" borderId="64" xfId="45" applyFont="1" applyFill="1" applyBorder="1" applyAlignment="1">
      <alignment vertical="center"/>
    </xf>
    <xf numFmtId="0" fontId="0" fillId="0" borderId="33" xfId="0" applyBorder="1" applyAlignment="1">
      <alignment vertical="center"/>
    </xf>
    <xf numFmtId="0" fontId="0" fillId="0" borderId="32" xfId="0" applyBorder="1" applyAlignment="1">
      <alignment vertical="center"/>
    </xf>
    <xf numFmtId="0" fontId="0" fillId="32" borderId="22" xfId="45" applyFont="1" applyFill="1" applyBorder="1" applyAlignment="1">
      <alignment horizontal="center" vertical="center" wrapText="1"/>
    </xf>
    <xf numFmtId="0" fontId="4" fillId="32" borderId="63" xfId="60" applyFill="1" applyBorder="1" applyAlignment="1">
      <alignment horizontal="center" vertical="center" wrapText="1"/>
    </xf>
    <xf numFmtId="0" fontId="4" fillId="32" borderId="65" xfId="60" applyFill="1" applyBorder="1" applyAlignment="1">
      <alignment horizontal="center" vertical="center" wrapText="1"/>
    </xf>
    <xf numFmtId="0" fontId="4" fillId="32" borderId="64" xfId="60" applyFill="1" applyBorder="1" applyAlignment="1">
      <alignment horizontal="center" vertical="center" wrapText="1"/>
    </xf>
    <xf numFmtId="0" fontId="4" fillId="32" borderId="0" xfId="60" applyFill="1" applyAlignment="1">
      <alignment horizontal="center" vertical="center" wrapText="1"/>
    </xf>
    <xf numFmtId="0" fontId="0" fillId="0" borderId="162" xfId="0" applyBorder="1" applyAlignment="1">
      <alignment horizontal="center" vertical="center" wrapText="1"/>
    </xf>
    <xf numFmtId="0" fontId="0" fillId="0" borderId="68" xfId="0" applyBorder="1" applyAlignment="1">
      <alignment horizontal="center" vertical="center" wrapText="1"/>
    </xf>
    <xf numFmtId="0" fontId="0" fillId="0" borderId="164" xfId="0" applyBorder="1" applyAlignment="1">
      <alignment horizontal="center" vertical="center" wrapText="1"/>
    </xf>
    <xf numFmtId="0" fontId="0" fillId="32" borderId="142" xfId="45" applyFont="1" applyFill="1" applyBorder="1" applyAlignment="1">
      <alignment vertical="center" shrinkToFit="1"/>
    </xf>
    <xf numFmtId="0" fontId="80" fillId="0" borderId="106" xfId="45" applyFont="1" applyBorder="1" applyAlignment="1">
      <alignment vertical="top" shrinkToFit="1"/>
    </xf>
    <xf numFmtId="0" fontId="80" fillId="0" borderId="106" xfId="0" applyFont="1" applyBorder="1" applyAlignment="1">
      <alignment vertical="top" shrinkToFit="1"/>
    </xf>
    <xf numFmtId="0" fontId="80" fillId="0" borderId="145" xfId="0" applyFont="1" applyBorder="1" applyAlignment="1">
      <alignment vertical="top" shrinkToFit="1"/>
    </xf>
    <xf numFmtId="0" fontId="80" fillId="0" borderId="171" xfId="47" applyFont="1" applyBorder="1" applyAlignment="1">
      <alignment vertical="center"/>
    </xf>
    <xf numFmtId="0" fontId="80" fillId="0" borderId="170" xfId="47" applyFont="1" applyBorder="1" applyAlignment="1">
      <alignment vertical="center"/>
    </xf>
    <xf numFmtId="0" fontId="114" fillId="0" borderId="171" xfId="60" applyFont="1" applyBorder="1">
      <alignment vertical="center"/>
    </xf>
    <xf numFmtId="0" fontId="80" fillId="0" borderId="109" xfId="47" applyFont="1" applyBorder="1" applyAlignment="1">
      <alignment vertical="center" wrapText="1"/>
    </xf>
    <xf numFmtId="0" fontId="80" fillId="0" borderId="0" xfId="47" applyFont="1" applyAlignment="1">
      <alignment vertical="center" wrapText="1"/>
    </xf>
    <xf numFmtId="0" fontId="80" fillId="0" borderId="173" xfId="47" applyFont="1" applyBorder="1" applyAlignment="1">
      <alignment vertical="center" wrapText="1"/>
    </xf>
    <xf numFmtId="0" fontId="9" fillId="32" borderId="136" xfId="47" applyFont="1" applyFill="1" applyBorder="1" applyAlignment="1">
      <alignment vertical="center" shrinkToFit="1"/>
    </xf>
    <xf numFmtId="0" fontId="9" fillId="32" borderId="137" xfId="47" applyFont="1" applyFill="1" applyBorder="1" applyAlignment="1">
      <alignment vertical="center" shrinkToFit="1"/>
    </xf>
    <xf numFmtId="0" fontId="9" fillId="32" borderId="26" xfId="47" applyFont="1" applyFill="1" applyBorder="1" applyAlignment="1">
      <alignment vertical="center" shrinkToFit="1"/>
    </xf>
    <xf numFmtId="0" fontId="80" fillId="0" borderId="137" xfId="47" applyFont="1" applyBorder="1" applyAlignment="1">
      <alignment horizontal="center" vertical="center"/>
    </xf>
    <xf numFmtId="0" fontId="80" fillId="0" borderId="27" xfId="47" applyFont="1" applyBorder="1" applyAlignment="1">
      <alignment horizontal="center" vertical="center"/>
    </xf>
    <xf numFmtId="0" fontId="9" fillId="32" borderId="30" xfId="47" applyFont="1" applyFill="1" applyBorder="1" applyAlignment="1">
      <alignment horizontal="right" vertical="center" shrinkToFit="1"/>
    </xf>
    <xf numFmtId="0" fontId="9" fillId="32" borderId="31" xfId="47" applyFont="1" applyFill="1" applyBorder="1" applyAlignment="1">
      <alignment horizontal="right" vertical="center" shrinkToFit="1"/>
    </xf>
    <xf numFmtId="0" fontId="9" fillId="32" borderId="172" xfId="47" applyFont="1" applyFill="1" applyBorder="1" applyAlignment="1">
      <alignment horizontal="right" vertical="center" shrinkToFit="1"/>
    </xf>
    <xf numFmtId="0" fontId="80" fillId="0" borderId="30" xfId="47" applyFont="1" applyBorder="1" applyAlignment="1">
      <alignment horizontal="center" vertical="center"/>
    </xf>
    <xf numFmtId="0" fontId="80" fillId="0" borderId="31" xfId="47" applyFont="1" applyBorder="1" applyAlignment="1">
      <alignment horizontal="center" vertical="center"/>
    </xf>
    <xf numFmtId="0" fontId="80" fillId="0" borderId="180" xfId="47" applyFont="1" applyBorder="1" applyAlignment="1">
      <alignment horizontal="center" vertical="center"/>
    </xf>
    <xf numFmtId="0" fontId="80" fillId="0" borderId="137" xfId="47" applyFont="1" applyBorder="1" applyAlignment="1">
      <alignment horizontal="center" vertical="center" shrinkToFit="1"/>
    </xf>
    <xf numFmtId="0" fontId="80" fillId="0" borderId="27" xfId="47" applyFont="1" applyBorder="1" applyAlignment="1">
      <alignment horizontal="center" vertical="center" shrinkToFit="1"/>
    </xf>
    <xf numFmtId="0" fontId="80" fillId="0" borderId="142" xfId="47" applyFont="1" applyBorder="1" applyAlignment="1">
      <alignment vertical="center" wrapText="1"/>
    </xf>
    <xf numFmtId="0" fontId="80" fillId="0" borderId="109" xfId="0" applyFont="1" applyBorder="1" applyAlignment="1">
      <alignment vertical="center" wrapText="1"/>
    </xf>
    <xf numFmtId="0" fontId="80" fillId="0" borderId="173" xfId="0" applyFont="1" applyBorder="1" applyAlignment="1">
      <alignment vertical="center" wrapText="1"/>
    </xf>
    <xf numFmtId="0" fontId="9" fillId="32" borderId="107" xfId="47" applyFont="1" applyFill="1" applyBorder="1" applyAlignment="1">
      <alignment vertical="center" shrinkToFit="1"/>
    </xf>
    <xf numFmtId="0" fontId="9" fillId="32" borderId="131" xfId="47" applyFont="1" applyFill="1" applyBorder="1" applyAlignment="1">
      <alignment vertical="center" shrinkToFit="1"/>
    </xf>
    <xf numFmtId="0" fontId="9" fillId="32" borderId="108" xfId="47" applyFont="1" applyFill="1" applyBorder="1" applyAlignment="1">
      <alignment vertical="center" shrinkToFit="1"/>
    </xf>
    <xf numFmtId="0" fontId="80" fillId="0" borderId="131" xfId="47" applyFont="1" applyBorder="1" applyAlignment="1">
      <alignment horizontal="center" vertical="center" shrinkToFit="1"/>
    </xf>
    <xf numFmtId="0" fontId="80" fillId="0" borderId="132" xfId="47" applyFont="1" applyBorder="1" applyAlignment="1">
      <alignment horizontal="center" vertical="center" shrinkToFit="1"/>
    </xf>
    <xf numFmtId="0" fontId="0" fillId="0" borderId="148" xfId="0" applyBorder="1" applyAlignment="1">
      <alignment horizontal="center" vertical="center"/>
    </xf>
    <xf numFmtId="0" fontId="0" fillId="0" borderId="12" xfId="0" applyBorder="1" applyAlignment="1">
      <alignment horizontal="center" vertical="center"/>
    </xf>
    <xf numFmtId="0" fontId="0" fillId="0" borderId="11" xfId="0" applyBorder="1" applyAlignment="1">
      <alignment horizontal="center" vertical="center"/>
    </xf>
    <xf numFmtId="0" fontId="27" fillId="0" borderId="0" xfId="49" applyFont="1" applyAlignment="1">
      <alignment horizontal="center" vertical="center"/>
    </xf>
    <xf numFmtId="0" fontId="0" fillId="0" borderId="92" xfId="0" applyBorder="1" applyAlignment="1">
      <alignment horizontal="center" vertical="center"/>
    </xf>
    <xf numFmtId="0" fontId="0" fillId="0" borderId="93" xfId="0" applyBorder="1" applyAlignment="1">
      <alignment horizontal="center" vertical="center"/>
    </xf>
    <xf numFmtId="0" fontId="0" fillId="0" borderId="94" xfId="0" applyBorder="1" applyAlignment="1">
      <alignment horizontal="center" vertical="center"/>
    </xf>
    <xf numFmtId="0" fontId="32" fillId="0" borderId="84" xfId="0" applyFont="1" applyBorder="1" applyAlignment="1">
      <alignment horizontal="center" vertical="center" wrapText="1"/>
    </xf>
    <xf numFmtId="0" fontId="32" fillId="0" borderId="111" xfId="0" applyFont="1" applyBorder="1" applyAlignment="1">
      <alignment horizontal="center"/>
    </xf>
    <xf numFmtId="0" fontId="32" fillId="0" borderId="85" xfId="0" applyFont="1" applyBorder="1" applyAlignment="1">
      <alignment horizontal="center" vertical="center" wrapText="1"/>
    </xf>
    <xf numFmtId="0" fontId="32" fillId="0" borderId="112" xfId="0" applyFont="1" applyBorder="1" applyAlignment="1">
      <alignment horizontal="center"/>
    </xf>
    <xf numFmtId="0" fontId="32" fillId="0" borderId="149" xfId="0" applyFont="1" applyBorder="1" applyAlignment="1">
      <alignment horizontal="center" vertical="center" wrapText="1"/>
    </xf>
    <xf numFmtId="0" fontId="32" fillId="0" borderId="150" xfId="0" applyFont="1" applyBorder="1" applyAlignment="1">
      <alignment horizontal="center"/>
    </xf>
    <xf numFmtId="0" fontId="0" fillId="0" borderId="10" xfId="49" applyFont="1" applyBorder="1" applyAlignment="1" applyProtection="1">
      <alignment horizontal="center" vertical="center"/>
      <protection locked="0"/>
    </xf>
    <xf numFmtId="0" fontId="51" fillId="0" borderId="10" xfId="49" applyFont="1" applyBorder="1" applyAlignment="1" applyProtection="1">
      <alignment horizontal="center" vertical="center"/>
      <protection locked="0"/>
    </xf>
    <xf numFmtId="0" fontId="39" fillId="25" borderId="70" xfId="0" applyFont="1" applyFill="1" applyBorder="1" applyAlignment="1">
      <alignment horizontal="center" vertical="center" wrapText="1"/>
    </xf>
    <xf numFmtId="0" fontId="39" fillId="25" borderId="71" xfId="0" applyFont="1" applyFill="1" applyBorder="1" applyAlignment="1">
      <alignment horizontal="center" vertical="center" wrapText="1"/>
    </xf>
    <xf numFmtId="0" fontId="39" fillId="25" borderId="35" xfId="0" applyFont="1" applyFill="1" applyBorder="1" applyAlignment="1">
      <alignment horizontal="center" vertical="center" wrapText="1"/>
    </xf>
    <xf numFmtId="0" fontId="39" fillId="25" borderId="22" xfId="0" applyFont="1" applyFill="1" applyBorder="1" applyAlignment="1">
      <alignment horizontal="center" vertical="center" wrapText="1"/>
    </xf>
    <xf numFmtId="0" fontId="0" fillId="0" borderId="63" xfId="0" applyBorder="1" applyAlignment="1">
      <alignment horizontal="center" vertical="center" wrapText="1"/>
    </xf>
    <xf numFmtId="0" fontId="39" fillId="32" borderId="44" xfId="0" applyFont="1" applyFill="1" applyBorder="1" applyAlignment="1">
      <alignment horizontal="center" vertical="center" wrapText="1"/>
    </xf>
    <xf numFmtId="0" fontId="39" fillId="32" borderId="39" xfId="0" applyFont="1" applyFill="1" applyBorder="1" applyAlignment="1">
      <alignment horizontal="center" vertical="center" wrapText="1"/>
    </xf>
    <xf numFmtId="0" fontId="39" fillId="32" borderId="40" xfId="0" applyFont="1" applyFill="1" applyBorder="1" applyAlignment="1">
      <alignment horizontal="center" vertical="center" wrapText="1"/>
    </xf>
    <xf numFmtId="0" fontId="84" fillId="25" borderId="35" xfId="0" applyFont="1" applyFill="1" applyBorder="1" applyAlignment="1">
      <alignment horizontal="center" vertical="center" wrapText="1"/>
    </xf>
    <xf numFmtId="0" fontId="39" fillId="25" borderId="23" xfId="0" applyFont="1" applyFill="1" applyBorder="1" applyAlignment="1">
      <alignment horizontal="center" vertical="center" wrapText="1"/>
    </xf>
    <xf numFmtId="0" fontId="39" fillId="25" borderId="63" xfId="0" applyFont="1" applyFill="1" applyBorder="1" applyAlignment="1">
      <alignment horizontal="center" vertical="center" wrapText="1"/>
    </xf>
    <xf numFmtId="0" fontId="39" fillId="25" borderId="20" xfId="0" applyFont="1" applyFill="1" applyBorder="1" applyAlignment="1">
      <alignment horizontal="center" vertical="center" wrapText="1"/>
    </xf>
    <xf numFmtId="0" fontId="39" fillId="25" borderId="18" xfId="0" applyFont="1" applyFill="1" applyBorder="1" applyAlignment="1">
      <alignment horizontal="center" vertical="center" wrapText="1"/>
    </xf>
    <xf numFmtId="0" fontId="39" fillId="25" borderId="21" xfId="0" applyFont="1" applyFill="1" applyBorder="1" applyAlignment="1">
      <alignment horizontal="center" vertical="center" wrapText="1"/>
    </xf>
    <xf numFmtId="0" fontId="39" fillId="32" borderId="20" xfId="0" applyFont="1" applyFill="1" applyBorder="1" applyAlignment="1">
      <alignment vertical="center" wrapText="1"/>
    </xf>
    <xf numFmtId="0" fontId="39" fillId="32" borderId="18" xfId="0" applyFont="1" applyFill="1" applyBorder="1" applyAlignment="1">
      <alignment vertical="center" wrapText="1"/>
    </xf>
    <xf numFmtId="0" fontId="39" fillId="32" borderId="21" xfId="0" applyFont="1" applyFill="1" applyBorder="1" applyAlignment="1">
      <alignment vertical="center" wrapText="1"/>
    </xf>
    <xf numFmtId="0" fontId="27" fillId="0" borderId="0" xfId="50" applyFont="1" applyAlignment="1">
      <alignment horizontal="center" vertical="center"/>
    </xf>
    <xf numFmtId="0" fontId="0" fillId="0" borderId="0" xfId="0" applyAlignment="1">
      <alignment horizontal="center" vertical="center"/>
    </xf>
    <xf numFmtId="0" fontId="39" fillId="26" borderId="20" xfId="0" applyFont="1" applyFill="1" applyBorder="1" applyAlignment="1">
      <alignment horizontal="left" vertical="center" wrapText="1"/>
    </xf>
    <xf numFmtId="0" fontId="0" fillId="0" borderId="21" xfId="0" applyBorder="1" applyAlignment="1">
      <alignment horizontal="left" vertical="center" wrapText="1"/>
    </xf>
    <xf numFmtId="0" fontId="0" fillId="0" borderId="10" xfId="0" applyBorder="1" applyAlignment="1">
      <alignment horizontal="left" vertical="top" wrapText="1"/>
    </xf>
    <xf numFmtId="0" fontId="39" fillId="0" borderId="20" xfId="0" applyFont="1" applyBorder="1" applyAlignment="1" applyProtection="1">
      <alignment horizontal="left" vertical="center" wrapText="1"/>
      <protection locked="0"/>
    </xf>
    <xf numFmtId="0" fontId="0" fillId="0" borderId="10" xfId="0" applyBorder="1" applyAlignment="1">
      <alignment vertical="top" wrapText="1"/>
    </xf>
    <xf numFmtId="0" fontId="0" fillId="0" borderId="21" xfId="0" applyBorder="1" applyAlignment="1">
      <alignment horizontal="center" vertical="center" wrapText="1"/>
    </xf>
    <xf numFmtId="0" fontId="0" fillId="0" borderId="35" xfId="0" applyBorder="1" applyAlignment="1">
      <alignment horizontal="center"/>
    </xf>
    <xf numFmtId="0" fontId="0" fillId="0" borderId="138" xfId="0" applyBorder="1" applyAlignment="1" applyProtection="1">
      <alignment vertical="top" wrapText="1"/>
      <protection locked="0"/>
    </xf>
    <xf numFmtId="0" fontId="0" fillId="0" borderId="90" xfId="0" applyBorder="1" applyAlignment="1" applyProtection="1">
      <alignment vertical="top" wrapText="1"/>
      <protection locked="0"/>
    </xf>
    <xf numFmtId="0" fontId="0" fillId="0" borderId="91" xfId="0" applyBorder="1" applyAlignment="1" applyProtection="1">
      <alignment vertical="top" wrapText="1"/>
      <protection locked="0"/>
    </xf>
    <xf numFmtId="0" fontId="0" fillId="0" borderId="139" xfId="0" applyBorder="1" applyAlignment="1" applyProtection="1">
      <alignment vertical="top" wrapText="1"/>
      <protection locked="0"/>
    </xf>
    <xf numFmtId="0" fontId="0" fillId="0" borderId="0" xfId="0" applyAlignment="1" applyProtection="1">
      <alignment vertical="top" wrapText="1"/>
      <protection locked="0"/>
    </xf>
    <xf numFmtId="0" fontId="0" fillId="0" borderId="114" xfId="0" applyBorder="1" applyAlignment="1" applyProtection="1">
      <alignment vertical="top" wrapText="1"/>
      <protection locked="0"/>
    </xf>
    <xf numFmtId="0" fontId="0" fillId="0" borderId="68" xfId="0" applyBorder="1" applyAlignment="1">
      <alignment horizontal="left" wrapText="1"/>
    </xf>
    <xf numFmtId="0" fontId="0" fillId="0" borderId="68" xfId="0" applyBorder="1" applyAlignment="1">
      <alignment wrapText="1"/>
    </xf>
    <xf numFmtId="55" fontId="0" fillId="0" borderId="34" xfId="0" applyNumberFormat="1" applyBorder="1" applyAlignment="1">
      <alignment horizontal="center" vertical="center"/>
    </xf>
    <xf numFmtId="55" fontId="80" fillId="0" borderId="34" xfId="0" applyNumberFormat="1" applyFont="1" applyBorder="1" applyAlignment="1">
      <alignment vertical="center"/>
    </xf>
  </cellXfs>
  <cellStyles count="6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ハイパーリンク" xfId="61" builtinId="8"/>
    <cellStyle name="メモ" xfId="28" builtinId="10" customBuiltin="1"/>
    <cellStyle name="メモ 2" xfId="29" xr:uid="{00000000-0005-0000-0000-00001D000000}"/>
    <cellStyle name="リンク セル" xfId="30" builtinId="24" customBuiltin="1"/>
    <cellStyle name="悪い" xfId="31" builtinId="27" customBuiltin="1"/>
    <cellStyle name="計算" xfId="32" builtinId="22" customBuiltin="1"/>
    <cellStyle name="警告文" xfId="33" builtinId="11" customBuiltin="1"/>
    <cellStyle name="桁区切り" xfId="34" builtinId="6"/>
    <cellStyle name="桁区切り 2" xfId="62" xr:uid="{00000000-0005-0000-0000-000023000000}"/>
    <cellStyle name="見出し 1" xfId="35" builtinId="16" customBuiltin="1"/>
    <cellStyle name="見出し 2" xfId="36" builtinId="17" customBuiltin="1"/>
    <cellStyle name="見出し 3" xfId="37" builtinId="18" customBuiltin="1"/>
    <cellStyle name="見出し 4" xfId="38" builtinId="19" customBuiltin="1"/>
    <cellStyle name="集計" xfId="39" builtinId="25" customBuiltin="1"/>
    <cellStyle name="出力" xfId="40" builtinId="21" customBuiltin="1"/>
    <cellStyle name="説明文" xfId="41" builtinId="53" customBuiltin="1"/>
    <cellStyle name="入力" xfId="42" builtinId="20" customBuiltin="1"/>
    <cellStyle name="標準" xfId="0" builtinId="0"/>
    <cellStyle name="標準 2" xfId="43" xr:uid="{00000000-0005-0000-0000-00002D000000}"/>
    <cellStyle name="標準 2 2" xfId="44" xr:uid="{00000000-0005-0000-0000-00002E000000}"/>
    <cellStyle name="標準 3" xfId="45" xr:uid="{00000000-0005-0000-0000-00002F000000}"/>
    <cellStyle name="標準 3 2" xfId="46" xr:uid="{00000000-0005-0000-0000-000030000000}"/>
    <cellStyle name="標準 3 2 2" xfId="59" xr:uid="{00000000-0005-0000-0000-000031000000}"/>
    <cellStyle name="標準 4" xfId="47" xr:uid="{00000000-0005-0000-0000-000032000000}"/>
    <cellStyle name="標準 4 2" xfId="48" xr:uid="{00000000-0005-0000-0000-000033000000}"/>
    <cellStyle name="標準 5" xfId="49" xr:uid="{00000000-0005-0000-0000-000034000000}"/>
    <cellStyle name="標準 5 2" xfId="50" xr:uid="{00000000-0005-0000-0000-000035000000}"/>
    <cellStyle name="標準 5 2 2" xfId="57" xr:uid="{00000000-0005-0000-0000-000036000000}"/>
    <cellStyle name="標準 6" xfId="51" xr:uid="{00000000-0005-0000-0000-000037000000}"/>
    <cellStyle name="標準 6 2" xfId="52" xr:uid="{00000000-0005-0000-0000-000038000000}"/>
    <cellStyle name="標準 7" xfId="58" xr:uid="{00000000-0005-0000-0000-000039000000}"/>
    <cellStyle name="標準 7 2" xfId="60" xr:uid="{00000000-0005-0000-0000-00003A000000}"/>
    <cellStyle name="標準 8" xfId="63" xr:uid="{00000000-0005-0000-0000-00003B000000}"/>
    <cellStyle name="標準_090420自動車（個別調達&amp;費用対効果）" xfId="53" xr:uid="{00000000-0005-0000-0000-00003C000000}"/>
    <cellStyle name="標準_Sheet1" xfId="54" xr:uid="{00000000-0005-0000-0000-00003D000000}"/>
    <cellStyle name="標準_国土交通省海上保安庁_様式2-2" xfId="55" xr:uid="{00000000-0005-0000-0000-00003E000000}"/>
    <cellStyle name="良い" xfId="56" builtinId="26" customBuiltin="1"/>
  </cellStyles>
  <dxfs count="0"/>
  <tableStyles count="0" defaultTableStyle="TableStyleMedium9" defaultPivotStyle="PivotStyleLight16"/>
  <colors>
    <mruColors>
      <color rgb="FFFFF0FF"/>
      <color rgb="FF0033CC"/>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Relationships xmlns="http://schemas.openxmlformats.org/package/2006/relationships"><Relationship Id="rId1" Target="worksheets/sheet1.xml" Type="http://schemas.openxmlformats.org/officeDocument/2006/relationships/worksheet"/><Relationship Id="rId10" Target="worksheets/sheet10.xml" Type="http://schemas.openxmlformats.org/officeDocument/2006/relationships/worksheet"/><Relationship Id="rId11" Target="worksheets/sheet11.xml" Type="http://schemas.openxmlformats.org/officeDocument/2006/relationships/worksheet"/><Relationship Id="rId12" Target="worksheets/sheet12.xml" Type="http://schemas.openxmlformats.org/officeDocument/2006/relationships/worksheet"/><Relationship Id="rId13" Target="worksheets/sheet13.xml" Type="http://schemas.openxmlformats.org/officeDocument/2006/relationships/worksheet"/><Relationship Id="rId14" Target="worksheets/sheet14.xml" Type="http://schemas.openxmlformats.org/officeDocument/2006/relationships/worksheet"/><Relationship Id="rId15" Target="worksheets/sheet15.xml" Type="http://schemas.openxmlformats.org/officeDocument/2006/relationships/worksheet"/><Relationship Id="rId16" Target="worksheets/sheet16.xml" Type="http://schemas.openxmlformats.org/officeDocument/2006/relationships/worksheet"/><Relationship Id="rId17" Target="worksheets/sheet17.xml" Type="http://schemas.openxmlformats.org/officeDocument/2006/relationships/worksheet"/><Relationship Id="rId18" Target="worksheets/sheet18.xml" Type="http://schemas.openxmlformats.org/officeDocument/2006/relationships/worksheet"/><Relationship Id="rId19" Target="worksheets/sheet19.xml" Type="http://schemas.openxmlformats.org/officeDocument/2006/relationships/worksheet"/><Relationship Id="rId2" Target="worksheets/sheet2.xml" Type="http://schemas.openxmlformats.org/officeDocument/2006/relationships/worksheet"/><Relationship Id="rId20" Target="worksheets/sheet20.xml" Type="http://schemas.openxmlformats.org/officeDocument/2006/relationships/worksheet"/><Relationship Id="rId21" Target="worksheets/sheet21.xml" Type="http://schemas.openxmlformats.org/officeDocument/2006/relationships/worksheet"/><Relationship Id="rId22" Target="worksheets/sheet22.xml" Type="http://schemas.openxmlformats.org/officeDocument/2006/relationships/worksheet"/><Relationship Id="rId23" Target="worksheets/sheet23.xml" Type="http://schemas.openxmlformats.org/officeDocument/2006/relationships/worksheet"/><Relationship Id="rId24" Target="worksheets/sheet24.xml" Type="http://schemas.openxmlformats.org/officeDocument/2006/relationships/worksheet"/><Relationship Id="rId25" Target="worksheets/sheet25.xml" Type="http://schemas.openxmlformats.org/officeDocument/2006/relationships/worksheet"/><Relationship Id="rId26" Target="worksheets/sheet26.xml" Type="http://schemas.openxmlformats.org/officeDocument/2006/relationships/worksheet"/><Relationship Id="rId27" Target="worksheets/sheet27.xml" Type="http://schemas.openxmlformats.org/officeDocument/2006/relationships/worksheet"/><Relationship Id="rId28" Target="worksheets/sheet28.xml" Type="http://schemas.openxmlformats.org/officeDocument/2006/relationships/worksheet"/><Relationship Id="rId29" Target="worksheets/sheet29.xml" Type="http://schemas.openxmlformats.org/officeDocument/2006/relationships/worksheet"/><Relationship Id="rId3" Target="worksheets/sheet3.xml" Type="http://schemas.openxmlformats.org/officeDocument/2006/relationships/worksheet"/><Relationship Id="rId30" Target="theme/theme1.xml" Type="http://schemas.openxmlformats.org/officeDocument/2006/relationships/theme"/><Relationship Id="rId31" Target="styles.xml" Type="http://schemas.openxmlformats.org/officeDocument/2006/relationships/styles"/><Relationship Id="rId32" Target="sharedStrings.xml" Type="http://schemas.openxmlformats.org/officeDocument/2006/relationships/sharedStrings"/><Relationship Id="rId33" Target="calcChain.xml" Type="http://schemas.openxmlformats.org/officeDocument/2006/relationships/calcChain"/><Relationship Id="rId34" Target="../customXml/item1.xml" Type="http://schemas.openxmlformats.org/officeDocument/2006/relationships/customXml"/><Relationship Id="rId35" Target="../customXml/item2.xml" Type="http://schemas.openxmlformats.org/officeDocument/2006/relationships/customXml"/><Relationship Id="rId36" Target="../customXml/item3.xml" Type="http://schemas.openxmlformats.org/officeDocument/2006/relationships/customXml"/><Relationship Id="rId4" Target="worksheets/sheet4.xml" Type="http://schemas.openxmlformats.org/officeDocument/2006/relationships/worksheet"/><Relationship Id="rId5" Target="worksheets/sheet5.xml" Type="http://schemas.openxmlformats.org/officeDocument/2006/relationships/worksheet"/><Relationship Id="rId6" Target="worksheets/sheet6.xml" Type="http://schemas.openxmlformats.org/officeDocument/2006/relationships/worksheet"/><Relationship Id="rId7" Target="worksheets/sheet7.xml" Type="http://schemas.openxmlformats.org/officeDocument/2006/relationships/worksheet"/><Relationship Id="rId8" Target="worksheets/sheet8.xml" Type="http://schemas.openxmlformats.org/officeDocument/2006/relationships/worksheet"/><Relationship Id="rId9" Target="worksheets/sheet9.xml" Type="http://schemas.openxmlformats.org/officeDocument/2006/relationships/worksheet"/></Relationships>
</file>

<file path=xl/drawings/_rels/drawing1.xml.rels><?xml version="1.0" encoding="UTF-8" standalone="yes"?><Relationships xmlns="http://schemas.openxmlformats.org/package/2006/relationships"><Relationship Id="rId1" Target="../media/image1.png" Type="http://schemas.openxmlformats.org/officeDocument/2006/relationships/image"/></Relationships>
</file>

<file path=xl/drawings/drawing1.xml><?xml version="1.0" encoding="utf-8"?>
<xdr:wsDr xmlns:xdr="http://schemas.openxmlformats.org/drawingml/2006/spreadsheetDrawing" xmlns:a="http://schemas.openxmlformats.org/drawingml/2006/main">
  <xdr:oneCellAnchor>
    <xdr:from>
      <xdr:col>1</xdr:col>
      <xdr:colOff>213659</xdr:colOff>
      <xdr:row>22</xdr:row>
      <xdr:rowOff>152403</xdr:rowOff>
    </xdr:from>
    <xdr:ext cx="5337175" cy="3435350"/>
    <xdr:pic>
      <xdr:nvPicPr>
        <xdr:cNvPr id="3" name="図 3">
          <a:extLst>
            <a:ext uri="{FF2B5EF4-FFF2-40B4-BE49-F238E27FC236}">
              <a16:creationId xmlns:a16="http://schemas.microsoft.com/office/drawing/2014/main" id="{63EC5FE2-ADDF-4277-B9C2-2B111117C578}"/>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91565" y="7844121"/>
          <a:ext cx="5337175" cy="3435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oneCellAnchor>
  <xdr:twoCellAnchor>
    <xdr:from>
      <xdr:col>6</xdr:col>
      <xdr:colOff>242048</xdr:colOff>
      <xdr:row>22</xdr:row>
      <xdr:rowOff>941293</xdr:rowOff>
    </xdr:from>
    <xdr:to>
      <xdr:col>6</xdr:col>
      <xdr:colOff>1057836</xdr:colOff>
      <xdr:row>22</xdr:row>
      <xdr:rowOff>1334246</xdr:rowOff>
    </xdr:to>
    <xdr:sp macro="" textlink="">
      <xdr:nvSpPr>
        <xdr:cNvPr id="6" name="正方形/長方形 5">
          <a:extLst>
            <a:ext uri="{FF2B5EF4-FFF2-40B4-BE49-F238E27FC236}">
              <a16:creationId xmlns:a16="http://schemas.microsoft.com/office/drawing/2014/main" id="{6E3DAAA1-C3F2-45C5-8F11-D5347B65F7CE}"/>
            </a:ext>
          </a:extLst>
        </xdr:cNvPr>
        <xdr:cNvSpPr/>
      </xdr:nvSpPr>
      <xdr:spPr>
        <a:xfrm>
          <a:off x="5916707" y="8408893"/>
          <a:ext cx="815788" cy="392953"/>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lIns="36000" tIns="36000" rIns="36000" bIns="36000" rtlCol="0" anchor="ctr"/>
        <a:lstStyle/>
        <a:p>
          <a:pPr algn="ctr"/>
          <a:r>
            <a:rPr kumimoji="1" lang="ja-JP" altLang="en-US" sz="900" b="1"/>
            <a:t>最終保障</a:t>
          </a:r>
          <a:endParaRPr kumimoji="1" lang="en-US" altLang="ja-JP" sz="900" b="1"/>
        </a:p>
        <a:p>
          <a:pPr algn="ctr"/>
          <a:r>
            <a:rPr kumimoji="1" lang="ja-JP" altLang="en-US" sz="900" b="1"/>
            <a:t>供給契約</a:t>
          </a:r>
        </a:p>
      </xdr:txBody>
    </xdr:sp>
    <xdr:clientData/>
  </xdr:twoCellAnchor>
  <xdr:twoCellAnchor>
    <xdr:from>
      <xdr:col>6</xdr:col>
      <xdr:colOff>646206</xdr:colOff>
      <xdr:row>22</xdr:row>
      <xdr:rowOff>1334246</xdr:rowOff>
    </xdr:from>
    <xdr:to>
      <xdr:col>6</xdr:col>
      <xdr:colOff>649942</xdr:colOff>
      <xdr:row>22</xdr:row>
      <xdr:rowOff>2274047</xdr:rowOff>
    </xdr:to>
    <xdr:cxnSp macro="">
      <xdr:nvCxnSpPr>
        <xdr:cNvPr id="7" name="直線矢印コネクタ 6">
          <a:extLst>
            <a:ext uri="{FF2B5EF4-FFF2-40B4-BE49-F238E27FC236}">
              <a16:creationId xmlns:a16="http://schemas.microsoft.com/office/drawing/2014/main" id="{4E2E55F5-9F6D-4AD4-A3B3-1FBAF9BC951C}"/>
            </a:ext>
          </a:extLst>
        </xdr:cNvPr>
        <xdr:cNvCxnSpPr>
          <a:stCxn id="6" idx="2"/>
        </xdr:cNvCxnSpPr>
      </xdr:nvCxnSpPr>
      <xdr:spPr>
        <a:xfrm flipH="1">
          <a:off x="6320865" y="8801846"/>
          <a:ext cx="3736" cy="939801"/>
        </a:xfrm>
        <a:prstGeom prst="straightConnector1">
          <a:avLst/>
        </a:prstGeom>
        <a:ln w="15875">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206188</xdr:colOff>
      <xdr:row>22</xdr:row>
      <xdr:rowOff>2303928</xdr:rowOff>
    </xdr:from>
    <xdr:to>
      <xdr:col>6</xdr:col>
      <xdr:colOff>1102659</xdr:colOff>
      <xdr:row>22</xdr:row>
      <xdr:rowOff>2779057</xdr:rowOff>
    </xdr:to>
    <xdr:sp macro="" textlink="">
      <xdr:nvSpPr>
        <xdr:cNvPr id="9" name="テキスト ボックス 8">
          <a:extLst>
            <a:ext uri="{FF2B5EF4-FFF2-40B4-BE49-F238E27FC236}">
              <a16:creationId xmlns:a16="http://schemas.microsoft.com/office/drawing/2014/main" id="{E902E02A-3F6D-5635-A084-C5A9EFF3D363}"/>
            </a:ext>
          </a:extLst>
        </xdr:cNvPr>
        <xdr:cNvSpPr txBox="1"/>
      </xdr:nvSpPr>
      <xdr:spPr>
        <a:xfrm>
          <a:off x="5880847" y="9995646"/>
          <a:ext cx="896471" cy="475129"/>
        </a:xfrm>
        <a:prstGeom prst="rect">
          <a:avLst/>
        </a:prstGeom>
        <a:solidFill>
          <a:srgbClr val="FFFFCC"/>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lIns="36000" tIns="36000" rIns="36000" bIns="36000" rtlCol="0" anchor="ctr" anchorCtr="1"/>
        <a:lstStyle/>
        <a:p>
          <a:pPr algn="ctr"/>
          <a:r>
            <a:rPr kumimoji="1" lang="ja-JP" altLang="en-US" sz="1050" b="1"/>
            <a:t>最終保障供給欄で「○」印</a:t>
          </a: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48591</xdr:colOff>
      <xdr:row>3</xdr:row>
      <xdr:rowOff>53340</xdr:rowOff>
    </xdr:from>
    <xdr:to>
      <xdr:col>1</xdr:col>
      <xdr:colOff>1043941</xdr:colOff>
      <xdr:row>5</xdr:row>
      <xdr:rowOff>132426</xdr:rowOff>
    </xdr:to>
    <xdr:sp macro="" textlink="">
      <xdr:nvSpPr>
        <xdr:cNvPr id="10" name="正方形/長方形 9">
          <a:extLst>
            <a:ext uri="{FF2B5EF4-FFF2-40B4-BE49-F238E27FC236}">
              <a16:creationId xmlns:a16="http://schemas.microsoft.com/office/drawing/2014/main" id="{48B89AC6-CD6D-49A1-9E03-5D974AA126D7}"/>
            </a:ext>
          </a:extLst>
        </xdr:cNvPr>
        <xdr:cNvSpPr/>
      </xdr:nvSpPr>
      <xdr:spPr>
        <a:xfrm>
          <a:off x="148591" y="670560"/>
          <a:ext cx="1070610" cy="368646"/>
        </a:xfrm>
        <a:prstGeom prst="rect">
          <a:avLst/>
        </a:prstGeom>
        <a:solidFill>
          <a:srgbClr val="FFFF00"/>
        </a:solidFill>
        <a:ln>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ctr"/>
          <a:r>
            <a:rPr kumimoji="1" lang="ja-JP" altLang="en-US" sz="1800"/>
            <a:t>記載例</a:t>
          </a:r>
        </a:p>
      </xdr:txBody>
    </xdr:sp>
    <xdr:clientData/>
  </xdr:twoCellAnchor>
  <xdr:oneCellAnchor>
    <xdr:from>
      <xdr:col>1</xdr:col>
      <xdr:colOff>76200</xdr:colOff>
      <xdr:row>31</xdr:row>
      <xdr:rowOff>77743</xdr:rowOff>
    </xdr:from>
    <xdr:ext cx="1296000" cy="812255"/>
    <xdr:sp macro="" textlink="">
      <xdr:nvSpPr>
        <xdr:cNvPr id="14" name="正方形/長方形 13">
          <a:extLst>
            <a:ext uri="{FF2B5EF4-FFF2-40B4-BE49-F238E27FC236}">
              <a16:creationId xmlns:a16="http://schemas.microsoft.com/office/drawing/2014/main" id="{69D9BFCA-F6DB-48F8-9175-91B65CD3738F}"/>
            </a:ext>
          </a:extLst>
        </xdr:cNvPr>
        <xdr:cNvSpPr/>
      </xdr:nvSpPr>
      <xdr:spPr>
        <a:xfrm>
          <a:off x="251460" y="5632723"/>
          <a:ext cx="1296000" cy="812255"/>
        </a:xfrm>
        <a:prstGeom prst="rect">
          <a:avLst/>
        </a:prstGeom>
        <a:solidFill>
          <a:srgbClr val="FFFF00"/>
        </a:solidFill>
        <a:ln>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lIns="36000" tIns="72000" rIns="36000" bIns="72000" rtlCol="0" anchor="ctr">
          <a:spAutoFit/>
        </a:bodyPr>
        <a:lstStyle/>
        <a:p>
          <a:pPr algn="ctr">
            <a:lnSpc>
              <a:spcPts val="1300"/>
            </a:lnSpc>
          </a:pPr>
          <a:r>
            <a:rPr kumimoji="1" lang="ja-JP" altLang="en-US" sz="1100" b="0"/>
            <a:t>導入又は更新する技術・設備等を選択</a:t>
          </a:r>
          <a:endParaRPr kumimoji="1" lang="en-US" altLang="ja-JP" sz="1100" b="0"/>
        </a:p>
        <a:p>
          <a:pPr algn="ctr">
            <a:lnSpc>
              <a:spcPts val="1300"/>
            </a:lnSpc>
          </a:pPr>
          <a:r>
            <a:rPr kumimoji="1" lang="ja-JP" altLang="en-US" sz="1100" b="0"/>
            <a:t>（○印）してください</a:t>
          </a:r>
          <a:endParaRPr kumimoji="1" lang="en-US" altLang="ja-JP" sz="1100" b="0"/>
        </a:p>
        <a:p>
          <a:pPr algn="ctr">
            <a:lnSpc>
              <a:spcPts val="1300"/>
            </a:lnSpc>
          </a:pPr>
          <a:r>
            <a:rPr kumimoji="1" lang="en-US" altLang="ja-JP" sz="1100" b="0"/>
            <a:t>【</a:t>
          </a:r>
          <a:r>
            <a:rPr kumimoji="1" lang="ja-JP" altLang="en-US" sz="1100" b="0"/>
            <a:t>複数選択</a:t>
          </a:r>
          <a:r>
            <a:rPr kumimoji="1" lang="en-US" altLang="ja-JP" sz="1100" b="0"/>
            <a:t>】</a:t>
          </a:r>
          <a:endParaRPr kumimoji="1" lang="ja-JP" altLang="en-US" sz="1100" b="0"/>
        </a:p>
      </xdr:txBody>
    </xdr:sp>
    <xdr:clientData/>
  </xdr:oneCellAnchor>
</xdr:wsDr>
</file>

<file path=xl/drawings/drawing11.xml><?xml version="1.0" encoding="utf-8"?>
<xdr:wsDr xmlns:xdr="http://schemas.openxmlformats.org/drawingml/2006/spreadsheetDrawing" xmlns:a="http://schemas.openxmlformats.org/drawingml/2006/main">
  <xdr:twoCellAnchor>
    <xdr:from>
      <xdr:col>2</xdr:col>
      <xdr:colOff>380789</xdr:colOff>
      <xdr:row>12</xdr:row>
      <xdr:rowOff>809625</xdr:rowOff>
    </xdr:from>
    <xdr:to>
      <xdr:col>2</xdr:col>
      <xdr:colOff>1552764</xdr:colOff>
      <xdr:row>15</xdr:row>
      <xdr:rowOff>153837</xdr:rowOff>
    </xdr:to>
    <xdr:sp macro="" textlink="">
      <xdr:nvSpPr>
        <xdr:cNvPr id="2" name="角丸四角形 1">
          <a:extLst>
            <a:ext uri="{FF2B5EF4-FFF2-40B4-BE49-F238E27FC236}">
              <a16:creationId xmlns:a16="http://schemas.microsoft.com/office/drawing/2014/main" id="{00000000-0008-0000-1600-000002000000}"/>
            </a:ext>
          </a:extLst>
        </xdr:cNvPr>
        <xdr:cNvSpPr/>
      </xdr:nvSpPr>
      <xdr:spPr>
        <a:xfrm>
          <a:off x="922656" y="5085292"/>
          <a:ext cx="1171975" cy="1147612"/>
        </a:xfrm>
        <a:prstGeom prst="round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l">
            <a:lnSpc>
              <a:spcPts val="1300"/>
            </a:lnSpc>
          </a:pPr>
          <a:r>
            <a:rPr kumimoji="1" lang="ja-JP" altLang="en-US" sz="1100"/>
            <a:t>説明と記入例の行は削除しないでください。</a:t>
          </a:r>
        </a:p>
      </xdr:txBody>
    </xdr:sp>
    <xdr:clientData/>
  </xdr:twoCellAnchor>
  <xdr:twoCellAnchor>
    <xdr:from>
      <xdr:col>21</xdr:col>
      <xdr:colOff>196215</xdr:colOff>
      <xdr:row>14</xdr:row>
      <xdr:rowOff>165100</xdr:rowOff>
    </xdr:from>
    <xdr:to>
      <xdr:col>26</xdr:col>
      <xdr:colOff>415780</xdr:colOff>
      <xdr:row>15</xdr:row>
      <xdr:rowOff>195581</xdr:rowOff>
    </xdr:to>
    <xdr:sp macro="" textlink="">
      <xdr:nvSpPr>
        <xdr:cNvPr id="3" name="角丸四角形 2">
          <a:extLst>
            <a:ext uri="{FF2B5EF4-FFF2-40B4-BE49-F238E27FC236}">
              <a16:creationId xmlns:a16="http://schemas.microsoft.com/office/drawing/2014/main" id="{00000000-0008-0000-1600-000003000000}"/>
            </a:ext>
          </a:extLst>
        </xdr:cNvPr>
        <xdr:cNvSpPr/>
      </xdr:nvSpPr>
      <xdr:spPr>
        <a:xfrm>
          <a:off x="14013815" y="5854700"/>
          <a:ext cx="2674898" cy="301414"/>
        </a:xfrm>
        <a:prstGeom prst="round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l" rtl="0">
            <a:defRPr sz="1000"/>
          </a:pPr>
          <a:r>
            <a:rPr lang="ja-JP" altLang="en-US" sz="1100" b="0" i="0" u="none" strike="noStrike" baseline="0">
              <a:solidFill>
                <a:srgbClr val="800080"/>
              </a:solidFill>
              <a:latin typeface="ＭＳ Ｐゴシック"/>
              <a:ea typeface="ＭＳ Ｐゴシック"/>
            </a:rPr>
            <a:t>総数と内数は一致しない場合もあります</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2</xdr:col>
      <xdr:colOff>809625</xdr:colOff>
      <xdr:row>11</xdr:row>
      <xdr:rowOff>114300</xdr:rowOff>
    </xdr:from>
    <xdr:to>
      <xdr:col>3</xdr:col>
      <xdr:colOff>762091</xdr:colOff>
      <xdr:row>11</xdr:row>
      <xdr:rowOff>847725</xdr:rowOff>
    </xdr:to>
    <xdr:sp macro="" textlink="">
      <xdr:nvSpPr>
        <xdr:cNvPr id="2" name="角丸四角形 1">
          <a:extLst>
            <a:ext uri="{FF2B5EF4-FFF2-40B4-BE49-F238E27FC236}">
              <a16:creationId xmlns:a16="http://schemas.microsoft.com/office/drawing/2014/main" id="{00000000-0008-0000-1700-000002000000}"/>
            </a:ext>
          </a:extLst>
        </xdr:cNvPr>
        <xdr:cNvSpPr/>
      </xdr:nvSpPr>
      <xdr:spPr>
        <a:xfrm>
          <a:off x="1400175" y="3771900"/>
          <a:ext cx="1362075" cy="733425"/>
        </a:xfrm>
        <a:prstGeom prst="round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l">
            <a:lnSpc>
              <a:spcPts val="1300"/>
            </a:lnSpc>
          </a:pPr>
          <a:r>
            <a:rPr kumimoji="1" lang="ja-JP" altLang="en-US" sz="1100"/>
            <a:t>説明と記入例の行は削除しないで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66015</xdr:colOff>
      <xdr:row>13</xdr:row>
      <xdr:rowOff>1344494</xdr:rowOff>
    </xdr:from>
    <xdr:to>
      <xdr:col>5</xdr:col>
      <xdr:colOff>1492250</xdr:colOff>
      <xdr:row>13</xdr:row>
      <xdr:rowOff>1767418</xdr:rowOff>
    </xdr:to>
    <xdr:sp macro="" textlink="">
      <xdr:nvSpPr>
        <xdr:cNvPr id="2" name="角丸四角形 1">
          <a:extLst>
            <a:ext uri="{FF2B5EF4-FFF2-40B4-BE49-F238E27FC236}">
              <a16:creationId xmlns:a16="http://schemas.microsoft.com/office/drawing/2014/main" id="{00000000-0008-0000-0500-000002000000}"/>
            </a:ext>
          </a:extLst>
        </xdr:cNvPr>
        <xdr:cNvSpPr/>
      </xdr:nvSpPr>
      <xdr:spPr>
        <a:xfrm>
          <a:off x="3071682" y="5016911"/>
          <a:ext cx="2939651" cy="422924"/>
        </a:xfrm>
        <a:prstGeom prst="round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l">
            <a:lnSpc>
              <a:spcPts val="1300"/>
            </a:lnSpc>
          </a:pPr>
          <a:r>
            <a:rPr kumimoji="1" lang="ja-JP" altLang="en-US" sz="1100"/>
            <a:t>記入例の行は削除しないでください。</a:t>
          </a:r>
        </a:p>
      </xdr:txBody>
    </xdr:sp>
    <xdr:clientData/>
  </xdr:twoCellAnchor>
  <xdr:twoCellAnchor>
    <xdr:from>
      <xdr:col>22</xdr:col>
      <xdr:colOff>0</xdr:colOff>
      <xdr:row>13</xdr:row>
      <xdr:rowOff>1827389</xdr:rowOff>
    </xdr:from>
    <xdr:to>
      <xdr:col>23</xdr:col>
      <xdr:colOff>7054</xdr:colOff>
      <xdr:row>15</xdr:row>
      <xdr:rowOff>28222</xdr:rowOff>
    </xdr:to>
    <xdr:sp macro="" textlink="">
      <xdr:nvSpPr>
        <xdr:cNvPr id="4" name="円/楕円 3">
          <a:extLst>
            <a:ext uri="{FF2B5EF4-FFF2-40B4-BE49-F238E27FC236}">
              <a16:creationId xmlns:a16="http://schemas.microsoft.com/office/drawing/2014/main" id="{00000000-0008-0000-0500-000004000000}"/>
            </a:ext>
          </a:extLst>
        </xdr:cNvPr>
        <xdr:cNvSpPr/>
      </xdr:nvSpPr>
      <xdr:spPr>
        <a:xfrm>
          <a:off x="15980832" y="5774972"/>
          <a:ext cx="451555" cy="465667"/>
        </a:xfrm>
        <a:prstGeom prst="ellipse">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4</xdr:col>
      <xdr:colOff>98777</xdr:colOff>
      <xdr:row>14</xdr:row>
      <xdr:rowOff>77612</xdr:rowOff>
    </xdr:from>
    <xdr:to>
      <xdr:col>25</xdr:col>
      <xdr:colOff>952500</xdr:colOff>
      <xdr:row>14</xdr:row>
      <xdr:rowOff>289278</xdr:rowOff>
    </xdr:to>
    <xdr:sp macro="" textlink="">
      <xdr:nvSpPr>
        <xdr:cNvPr id="5" name="角丸四角形 4">
          <a:extLst>
            <a:ext uri="{FF2B5EF4-FFF2-40B4-BE49-F238E27FC236}">
              <a16:creationId xmlns:a16="http://schemas.microsoft.com/office/drawing/2014/main" id="{00000000-0008-0000-0500-000005000000}"/>
            </a:ext>
          </a:extLst>
        </xdr:cNvPr>
        <xdr:cNvSpPr/>
      </xdr:nvSpPr>
      <xdr:spPr>
        <a:xfrm>
          <a:off x="10442221" y="5503334"/>
          <a:ext cx="1241779" cy="211666"/>
        </a:xfrm>
        <a:prstGeom prst="roundRect">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4</xdr:col>
      <xdr:colOff>84667</xdr:colOff>
      <xdr:row>15</xdr:row>
      <xdr:rowOff>63500</xdr:rowOff>
    </xdr:from>
    <xdr:to>
      <xdr:col>25</xdr:col>
      <xdr:colOff>973667</xdr:colOff>
      <xdr:row>15</xdr:row>
      <xdr:rowOff>296333</xdr:rowOff>
    </xdr:to>
    <xdr:sp macro="" textlink="">
      <xdr:nvSpPr>
        <xdr:cNvPr id="6" name="角丸四角形 5">
          <a:extLst>
            <a:ext uri="{FF2B5EF4-FFF2-40B4-BE49-F238E27FC236}">
              <a16:creationId xmlns:a16="http://schemas.microsoft.com/office/drawing/2014/main" id="{00000000-0008-0000-0500-000006000000}"/>
            </a:ext>
          </a:extLst>
        </xdr:cNvPr>
        <xdr:cNvSpPr/>
      </xdr:nvSpPr>
      <xdr:spPr>
        <a:xfrm>
          <a:off x="10428111" y="5849056"/>
          <a:ext cx="1277056" cy="232833"/>
        </a:xfrm>
        <a:prstGeom prst="roundRect">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2</xdr:col>
      <xdr:colOff>381000</xdr:colOff>
      <xdr:row>14</xdr:row>
      <xdr:rowOff>324556</xdr:rowOff>
    </xdr:from>
    <xdr:to>
      <xdr:col>24</xdr:col>
      <xdr:colOff>35278</xdr:colOff>
      <xdr:row>16</xdr:row>
      <xdr:rowOff>35278</xdr:rowOff>
    </xdr:to>
    <xdr:sp macro="" textlink="">
      <xdr:nvSpPr>
        <xdr:cNvPr id="7" name="円/楕円 6">
          <a:extLst>
            <a:ext uri="{FF2B5EF4-FFF2-40B4-BE49-F238E27FC236}">
              <a16:creationId xmlns:a16="http://schemas.microsoft.com/office/drawing/2014/main" id="{00000000-0008-0000-0500-000007000000}"/>
            </a:ext>
          </a:extLst>
        </xdr:cNvPr>
        <xdr:cNvSpPr/>
      </xdr:nvSpPr>
      <xdr:spPr>
        <a:xfrm>
          <a:off x="9948333" y="5750278"/>
          <a:ext cx="430389" cy="430389"/>
        </a:xfrm>
        <a:prstGeom prst="ellipse">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3</xdr:col>
      <xdr:colOff>7054</xdr:colOff>
      <xdr:row>14</xdr:row>
      <xdr:rowOff>155223</xdr:rowOff>
    </xdr:from>
    <xdr:to>
      <xdr:col>24</xdr:col>
      <xdr:colOff>98777</xdr:colOff>
      <xdr:row>14</xdr:row>
      <xdr:rowOff>183445</xdr:rowOff>
    </xdr:to>
    <xdr:cxnSp macro="">
      <xdr:nvCxnSpPr>
        <xdr:cNvPr id="9" name="直線矢印コネクタ 8">
          <a:extLst>
            <a:ext uri="{FF2B5EF4-FFF2-40B4-BE49-F238E27FC236}">
              <a16:creationId xmlns:a16="http://schemas.microsoft.com/office/drawing/2014/main" id="{00000000-0008-0000-0500-000009000000}"/>
            </a:ext>
          </a:extLst>
        </xdr:cNvPr>
        <xdr:cNvCxnSpPr>
          <a:stCxn id="4" idx="6"/>
          <a:endCxn id="5" idx="1"/>
        </xdr:cNvCxnSpPr>
      </xdr:nvCxnSpPr>
      <xdr:spPr>
        <a:xfrm>
          <a:off x="16432387" y="6007806"/>
          <a:ext cx="515057" cy="28222"/>
        </a:xfrm>
        <a:prstGeom prst="straightConnector1">
          <a:avLst/>
        </a:prstGeom>
        <a:ln w="3175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268111</xdr:colOff>
      <xdr:row>15</xdr:row>
      <xdr:rowOff>176390</xdr:rowOff>
    </xdr:from>
    <xdr:to>
      <xdr:col>25</xdr:col>
      <xdr:colOff>63500</xdr:colOff>
      <xdr:row>16</xdr:row>
      <xdr:rowOff>155223</xdr:rowOff>
    </xdr:to>
    <xdr:sp macro="" textlink="">
      <xdr:nvSpPr>
        <xdr:cNvPr id="11" name="円弧 10">
          <a:extLst>
            <a:ext uri="{FF2B5EF4-FFF2-40B4-BE49-F238E27FC236}">
              <a16:creationId xmlns:a16="http://schemas.microsoft.com/office/drawing/2014/main" id="{00000000-0008-0000-0500-00000B000000}"/>
            </a:ext>
          </a:extLst>
        </xdr:cNvPr>
        <xdr:cNvSpPr/>
      </xdr:nvSpPr>
      <xdr:spPr>
        <a:xfrm>
          <a:off x="10223500" y="5961946"/>
          <a:ext cx="571500" cy="338666"/>
        </a:xfrm>
        <a:prstGeom prst="arc">
          <a:avLst>
            <a:gd name="adj1" fmla="val 21394705"/>
            <a:gd name="adj2" fmla="val 10675072"/>
          </a:avLst>
        </a:prstGeom>
        <a:ln w="31750">
          <a:solidFill>
            <a:srgbClr val="FF0000"/>
          </a:solidFill>
          <a:headEnd type="triangle"/>
          <a:tailEnd type="none"/>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92</xdr:col>
      <xdr:colOff>310445</xdr:colOff>
      <xdr:row>15</xdr:row>
      <xdr:rowOff>246944</xdr:rowOff>
    </xdr:from>
    <xdr:to>
      <xdr:col>94</xdr:col>
      <xdr:colOff>63500</xdr:colOff>
      <xdr:row>17</xdr:row>
      <xdr:rowOff>119944</xdr:rowOff>
    </xdr:to>
    <xdr:sp macro="" textlink="">
      <xdr:nvSpPr>
        <xdr:cNvPr id="3" name="円/楕円 2">
          <a:extLst>
            <a:ext uri="{FF2B5EF4-FFF2-40B4-BE49-F238E27FC236}">
              <a16:creationId xmlns:a16="http://schemas.microsoft.com/office/drawing/2014/main" id="{00000000-0008-0000-0500-000003000000}"/>
            </a:ext>
          </a:extLst>
        </xdr:cNvPr>
        <xdr:cNvSpPr/>
      </xdr:nvSpPr>
      <xdr:spPr>
        <a:xfrm>
          <a:off x="31679445" y="6032500"/>
          <a:ext cx="656166" cy="613833"/>
        </a:xfrm>
        <a:prstGeom prst="ellipse">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94</xdr:col>
      <xdr:colOff>63500</xdr:colOff>
      <xdr:row>13</xdr:row>
      <xdr:rowOff>1700389</xdr:rowOff>
    </xdr:from>
    <xdr:to>
      <xdr:col>97</xdr:col>
      <xdr:colOff>42333</xdr:colOff>
      <xdr:row>16</xdr:row>
      <xdr:rowOff>194028</xdr:rowOff>
    </xdr:to>
    <xdr:cxnSp macro="">
      <xdr:nvCxnSpPr>
        <xdr:cNvPr id="10" name="直線矢印コネクタ 9">
          <a:extLst>
            <a:ext uri="{FF2B5EF4-FFF2-40B4-BE49-F238E27FC236}">
              <a16:creationId xmlns:a16="http://schemas.microsoft.com/office/drawing/2014/main" id="{00000000-0008-0000-0500-00000A000000}"/>
            </a:ext>
          </a:extLst>
        </xdr:cNvPr>
        <xdr:cNvCxnSpPr>
          <a:stCxn id="3" idx="6"/>
        </xdr:cNvCxnSpPr>
      </xdr:nvCxnSpPr>
      <xdr:spPr>
        <a:xfrm flipV="1">
          <a:off x="32335611" y="5256389"/>
          <a:ext cx="2659944" cy="1083028"/>
        </a:xfrm>
        <a:prstGeom prst="straightConnector1">
          <a:avLst/>
        </a:prstGeom>
        <a:ln w="3175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49389</xdr:colOff>
      <xdr:row>13</xdr:row>
      <xdr:rowOff>945444</xdr:rowOff>
    </xdr:from>
    <xdr:to>
      <xdr:col>97</xdr:col>
      <xdr:colOff>973666</xdr:colOff>
      <xdr:row>13</xdr:row>
      <xdr:rowOff>1813278</xdr:rowOff>
    </xdr:to>
    <xdr:sp macro="" textlink="">
      <xdr:nvSpPr>
        <xdr:cNvPr id="13" name="角丸四角形 12">
          <a:extLst>
            <a:ext uri="{FF2B5EF4-FFF2-40B4-BE49-F238E27FC236}">
              <a16:creationId xmlns:a16="http://schemas.microsoft.com/office/drawing/2014/main" id="{00000000-0008-0000-0500-00000D000000}"/>
            </a:ext>
          </a:extLst>
        </xdr:cNvPr>
        <xdr:cNvSpPr/>
      </xdr:nvSpPr>
      <xdr:spPr>
        <a:xfrm>
          <a:off x="34551056" y="4501444"/>
          <a:ext cx="924277" cy="867834"/>
        </a:xfrm>
        <a:prstGeom prst="roundRect">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000" b="1">
              <a:solidFill>
                <a:srgbClr val="FF0000"/>
              </a:solidFill>
            </a:rPr>
            <a:t>長期契約中の場合は現行契約終了後の予定</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985422</xdr:colOff>
      <xdr:row>17</xdr:row>
      <xdr:rowOff>262988</xdr:rowOff>
    </xdr:from>
    <xdr:to>
      <xdr:col>4</xdr:col>
      <xdr:colOff>30643</xdr:colOff>
      <xdr:row>19</xdr:row>
      <xdr:rowOff>52917</xdr:rowOff>
    </xdr:to>
    <xdr:sp macro="" textlink="">
      <xdr:nvSpPr>
        <xdr:cNvPr id="3" name="角丸四角形 2">
          <a:extLst>
            <a:ext uri="{FF2B5EF4-FFF2-40B4-BE49-F238E27FC236}">
              <a16:creationId xmlns:a16="http://schemas.microsoft.com/office/drawing/2014/main" id="{00000000-0008-0000-0600-000003000000}"/>
            </a:ext>
          </a:extLst>
        </xdr:cNvPr>
        <xdr:cNvSpPr/>
      </xdr:nvSpPr>
      <xdr:spPr>
        <a:xfrm>
          <a:off x="1334672" y="7099821"/>
          <a:ext cx="1394721" cy="551929"/>
        </a:xfrm>
        <a:prstGeom prst="round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l">
            <a:lnSpc>
              <a:spcPts val="1300"/>
            </a:lnSpc>
          </a:pPr>
          <a:r>
            <a:rPr kumimoji="1" lang="ja-JP" altLang="en-US" sz="1100"/>
            <a:t>記入例の行は削除しないでください。</a:t>
          </a:r>
        </a:p>
      </xdr:txBody>
    </xdr:sp>
    <xdr:clientData/>
  </xdr:twoCellAnchor>
  <xdr:twoCellAnchor>
    <xdr:from>
      <xdr:col>23</xdr:col>
      <xdr:colOff>0</xdr:colOff>
      <xdr:row>14</xdr:row>
      <xdr:rowOff>2109611</xdr:rowOff>
    </xdr:from>
    <xdr:to>
      <xdr:col>24</xdr:col>
      <xdr:colOff>7055</xdr:colOff>
      <xdr:row>16</xdr:row>
      <xdr:rowOff>28222</xdr:rowOff>
    </xdr:to>
    <xdr:sp macro="" textlink="">
      <xdr:nvSpPr>
        <xdr:cNvPr id="11" name="円/楕円 10">
          <a:extLst>
            <a:ext uri="{FF2B5EF4-FFF2-40B4-BE49-F238E27FC236}">
              <a16:creationId xmlns:a16="http://schemas.microsoft.com/office/drawing/2014/main" id="{00000000-0008-0000-0600-00000B000000}"/>
            </a:ext>
          </a:extLst>
        </xdr:cNvPr>
        <xdr:cNvSpPr/>
      </xdr:nvSpPr>
      <xdr:spPr>
        <a:xfrm>
          <a:off x="17420167" y="6215944"/>
          <a:ext cx="430388" cy="342195"/>
        </a:xfrm>
        <a:prstGeom prst="ellipse">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5</xdr:col>
      <xdr:colOff>98777</xdr:colOff>
      <xdr:row>15</xdr:row>
      <xdr:rowOff>77612</xdr:rowOff>
    </xdr:from>
    <xdr:to>
      <xdr:col>26</xdr:col>
      <xdr:colOff>952500</xdr:colOff>
      <xdr:row>15</xdr:row>
      <xdr:rowOff>289278</xdr:rowOff>
    </xdr:to>
    <xdr:sp macro="" textlink="">
      <xdr:nvSpPr>
        <xdr:cNvPr id="12" name="角丸四角形 11">
          <a:extLst>
            <a:ext uri="{FF2B5EF4-FFF2-40B4-BE49-F238E27FC236}">
              <a16:creationId xmlns:a16="http://schemas.microsoft.com/office/drawing/2014/main" id="{00000000-0008-0000-0600-00000C000000}"/>
            </a:ext>
          </a:extLst>
        </xdr:cNvPr>
        <xdr:cNvSpPr/>
      </xdr:nvSpPr>
      <xdr:spPr>
        <a:xfrm>
          <a:off x="10423877" y="5513212"/>
          <a:ext cx="1241073" cy="211666"/>
        </a:xfrm>
        <a:prstGeom prst="roundRect">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5</xdr:col>
      <xdr:colOff>84667</xdr:colOff>
      <xdr:row>16</xdr:row>
      <xdr:rowOff>63500</xdr:rowOff>
    </xdr:from>
    <xdr:to>
      <xdr:col>26</xdr:col>
      <xdr:colOff>973667</xdr:colOff>
      <xdr:row>16</xdr:row>
      <xdr:rowOff>296333</xdr:rowOff>
    </xdr:to>
    <xdr:sp macro="" textlink="">
      <xdr:nvSpPr>
        <xdr:cNvPr id="13" name="角丸四角形 12">
          <a:extLst>
            <a:ext uri="{FF2B5EF4-FFF2-40B4-BE49-F238E27FC236}">
              <a16:creationId xmlns:a16="http://schemas.microsoft.com/office/drawing/2014/main" id="{00000000-0008-0000-0600-00000D000000}"/>
            </a:ext>
          </a:extLst>
        </xdr:cNvPr>
        <xdr:cNvSpPr/>
      </xdr:nvSpPr>
      <xdr:spPr>
        <a:xfrm>
          <a:off x="10409767" y="5861050"/>
          <a:ext cx="1276350" cy="232833"/>
        </a:xfrm>
        <a:prstGeom prst="roundRect">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3</xdr:col>
      <xdr:colOff>381000</xdr:colOff>
      <xdr:row>15</xdr:row>
      <xdr:rowOff>324556</xdr:rowOff>
    </xdr:from>
    <xdr:to>
      <xdr:col>25</xdr:col>
      <xdr:colOff>35278</xdr:colOff>
      <xdr:row>17</xdr:row>
      <xdr:rowOff>35278</xdr:rowOff>
    </xdr:to>
    <xdr:sp macro="" textlink="">
      <xdr:nvSpPr>
        <xdr:cNvPr id="14" name="円/楕円 13">
          <a:extLst>
            <a:ext uri="{FF2B5EF4-FFF2-40B4-BE49-F238E27FC236}">
              <a16:creationId xmlns:a16="http://schemas.microsoft.com/office/drawing/2014/main" id="{00000000-0008-0000-0600-00000E000000}"/>
            </a:ext>
          </a:extLst>
        </xdr:cNvPr>
        <xdr:cNvSpPr/>
      </xdr:nvSpPr>
      <xdr:spPr>
        <a:xfrm>
          <a:off x="9931400" y="5760156"/>
          <a:ext cx="428978" cy="434622"/>
        </a:xfrm>
        <a:prstGeom prst="ellipse">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4</xdr:col>
      <xdr:colOff>7055</xdr:colOff>
      <xdr:row>15</xdr:row>
      <xdr:rowOff>164042</xdr:rowOff>
    </xdr:from>
    <xdr:to>
      <xdr:col>25</xdr:col>
      <xdr:colOff>98777</xdr:colOff>
      <xdr:row>15</xdr:row>
      <xdr:rowOff>183445</xdr:rowOff>
    </xdr:to>
    <xdr:cxnSp macro="">
      <xdr:nvCxnSpPr>
        <xdr:cNvPr id="15" name="直線矢印コネクタ 14">
          <a:extLst>
            <a:ext uri="{FF2B5EF4-FFF2-40B4-BE49-F238E27FC236}">
              <a16:creationId xmlns:a16="http://schemas.microsoft.com/office/drawing/2014/main" id="{00000000-0008-0000-0600-00000F000000}"/>
            </a:ext>
          </a:extLst>
        </xdr:cNvPr>
        <xdr:cNvCxnSpPr>
          <a:stCxn id="11" idx="6"/>
          <a:endCxn id="12" idx="1"/>
        </xdr:cNvCxnSpPr>
      </xdr:nvCxnSpPr>
      <xdr:spPr>
        <a:xfrm>
          <a:off x="17850555" y="6387042"/>
          <a:ext cx="515055" cy="19403"/>
        </a:xfrm>
        <a:prstGeom prst="straightConnector1">
          <a:avLst/>
        </a:prstGeom>
        <a:ln w="3175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4</xdr:col>
      <xdr:colOff>268111</xdr:colOff>
      <xdr:row>16</xdr:row>
      <xdr:rowOff>176390</xdr:rowOff>
    </xdr:from>
    <xdr:to>
      <xdr:col>26</xdr:col>
      <xdr:colOff>63500</xdr:colOff>
      <xdr:row>17</xdr:row>
      <xdr:rowOff>155223</xdr:rowOff>
    </xdr:to>
    <xdr:sp macro="" textlink="">
      <xdr:nvSpPr>
        <xdr:cNvPr id="16" name="円弧 15">
          <a:extLst>
            <a:ext uri="{FF2B5EF4-FFF2-40B4-BE49-F238E27FC236}">
              <a16:creationId xmlns:a16="http://schemas.microsoft.com/office/drawing/2014/main" id="{00000000-0008-0000-0600-000010000000}"/>
            </a:ext>
          </a:extLst>
        </xdr:cNvPr>
        <xdr:cNvSpPr/>
      </xdr:nvSpPr>
      <xdr:spPr>
        <a:xfrm>
          <a:off x="10205861" y="5973940"/>
          <a:ext cx="570089" cy="340783"/>
        </a:xfrm>
        <a:prstGeom prst="arc">
          <a:avLst>
            <a:gd name="adj1" fmla="val 21394705"/>
            <a:gd name="adj2" fmla="val 10675072"/>
          </a:avLst>
        </a:prstGeom>
        <a:ln w="31750">
          <a:solidFill>
            <a:srgbClr val="FF0000"/>
          </a:solidFill>
          <a:headEnd type="triangle"/>
          <a:tailEnd type="none"/>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93</xdr:col>
      <xdr:colOff>472722</xdr:colOff>
      <xdr:row>16</xdr:row>
      <xdr:rowOff>217174</xdr:rowOff>
    </xdr:from>
    <xdr:to>
      <xdr:col>95</xdr:col>
      <xdr:colOff>14112</xdr:colOff>
      <xdr:row>18</xdr:row>
      <xdr:rowOff>169334</xdr:rowOff>
    </xdr:to>
    <xdr:sp macro="" textlink="">
      <xdr:nvSpPr>
        <xdr:cNvPr id="9" name="円/楕円 8">
          <a:extLst>
            <a:ext uri="{FF2B5EF4-FFF2-40B4-BE49-F238E27FC236}">
              <a16:creationId xmlns:a16="http://schemas.microsoft.com/office/drawing/2014/main" id="{00000000-0008-0000-0600-000009000000}"/>
            </a:ext>
          </a:extLst>
        </xdr:cNvPr>
        <xdr:cNvSpPr/>
      </xdr:nvSpPr>
      <xdr:spPr>
        <a:xfrm>
          <a:off x="33464500" y="6715341"/>
          <a:ext cx="642056" cy="558937"/>
        </a:xfrm>
        <a:prstGeom prst="ellipse">
          <a:avLst/>
        </a:prstGeom>
        <a:no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95</xdr:col>
      <xdr:colOff>14112</xdr:colOff>
      <xdr:row>14</xdr:row>
      <xdr:rowOff>1672167</xdr:rowOff>
    </xdr:from>
    <xdr:to>
      <xdr:col>98</xdr:col>
      <xdr:colOff>253999</xdr:colOff>
      <xdr:row>17</xdr:row>
      <xdr:rowOff>193254</xdr:rowOff>
    </xdr:to>
    <xdr:cxnSp macro="">
      <xdr:nvCxnSpPr>
        <xdr:cNvPr id="10" name="直線矢印コネクタ 9">
          <a:extLst>
            <a:ext uri="{FF2B5EF4-FFF2-40B4-BE49-F238E27FC236}">
              <a16:creationId xmlns:a16="http://schemas.microsoft.com/office/drawing/2014/main" id="{00000000-0008-0000-0600-00000A000000}"/>
            </a:ext>
          </a:extLst>
        </xdr:cNvPr>
        <xdr:cNvCxnSpPr>
          <a:stCxn id="9" idx="6"/>
          <a:endCxn id="17" idx="1"/>
        </xdr:cNvCxnSpPr>
      </xdr:nvCxnSpPr>
      <xdr:spPr>
        <a:xfrm flipV="1">
          <a:off x="34106556" y="5750278"/>
          <a:ext cx="2977443" cy="1244532"/>
        </a:xfrm>
        <a:prstGeom prst="straightConnector1">
          <a:avLst/>
        </a:prstGeom>
        <a:ln w="3175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8</xdr:col>
      <xdr:colOff>253999</xdr:colOff>
      <xdr:row>14</xdr:row>
      <xdr:rowOff>1277055</xdr:rowOff>
    </xdr:from>
    <xdr:to>
      <xdr:col>98</xdr:col>
      <xdr:colOff>1178276</xdr:colOff>
      <xdr:row>14</xdr:row>
      <xdr:rowOff>2067278</xdr:rowOff>
    </xdr:to>
    <xdr:sp macro="" textlink="">
      <xdr:nvSpPr>
        <xdr:cNvPr id="17" name="角丸四角形 16">
          <a:extLst>
            <a:ext uri="{FF2B5EF4-FFF2-40B4-BE49-F238E27FC236}">
              <a16:creationId xmlns:a16="http://schemas.microsoft.com/office/drawing/2014/main" id="{00000000-0008-0000-0600-000011000000}"/>
            </a:ext>
          </a:extLst>
        </xdr:cNvPr>
        <xdr:cNvSpPr/>
      </xdr:nvSpPr>
      <xdr:spPr>
        <a:xfrm>
          <a:off x="36533666" y="5355166"/>
          <a:ext cx="924277" cy="790223"/>
        </a:xfrm>
        <a:prstGeom prst="roundRect">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000" b="1">
              <a:solidFill>
                <a:srgbClr val="FF0000"/>
              </a:solidFill>
            </a:rPr>
            <a:t>長期契約中の場合は現行契約終了後の予定</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200025</xdr:colOff>
      <xdr:row>17</xdr:row>
      <xdr:rowOff>161925</xdr:rowOff>
    </xdr:from>
    <xdr:to>
      <xdr:col>4</xdr:col>
      <xdr:colOff>209550</xdr:colOff>
      <xdr:row>22</xdr:row>
      <xdr:rowOff>19050</xdr:rowOff>
    </xdr:to>
    <xdr:sp macro="" textlink="">
      <xdr:nvSpPr>
        <xdr:cNvPr id="74061" name="Line 2">
          <a:extLst>
            <a:ext uri="{FF2B5EF4-FFF2-40B4-BE49-F238E27FC236}">
              <a16:creationId xmlns:a16="http://schemas.microsoft.com/office/drawing/2014/main" id="{00000000-0008-0000-0A00-00004D210100}"/>
            </a:ext>
          </a:extLst>
        </xdr:cNvPr>
        <xdr:cNvSpPr>
          <a:spLocks noChangeShapeType="1"/>
        </xdr:cNvSpPr>
      </xdr:nvSpPr>
      <xdr:spPr bwMode="auto">
        <a:xfrm flipH="1">
          <a:off x="5362575" y="4505325"/>
          <a:ext cx="9525" cy="108585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xdr:col>
      <xdr:colOff>542925</xdr:colOff>
      <xdr:row>17</xdr:row>
      <xdr:rowOff>161925</xdr:rowOff>
    </xdr:from>
    <xdr:to>
      <xdr:col>4</xdr:col>
      <xdr:colOff>209550</xdr:colOff>
      <xdr:row>17</xdr:row>
      <xdr:rowOff>161925</xdr:rowOff>
    </xdr:to>
    <xdr:sp macro="" textlink="">
      <xdr:nvSpPr>
        <xdr:cNvPr id="74062" name="Line 3">
          <a:extLst>
            <a:ext uri="{FF2B5EF4-FFF2-40B4-BE49-F238E27FC236}">
              <a16:creationId xmlns:a16="http://schemas.microsoft.com/office/drawing/2014/main" id="{00000000-0008-0000-0A00-00004E210100}"/>
            </a:ext>
          </a:extLst>
        </xdr:cNvPr>
        <xdr:cNvSpPr>
          <a:spLocks noChangeShapeType="1"/>
        </xdr:cNvSpPr>
      </xdr:nvSpPr>
      <xdr:spPr bwMode="auto">
        <a:xfrm>
          <a:off x="5133975" y="4505325"/>
          <a:ext cx="2381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123190</xdr:colOff>
      <xdr:row>13</xdr:row>
      <xdr:rowOff>64770</xdr:rowOff>
    </xdr:from>
    <xdr:to>
      <xdr:col>3</xdr:col>
      <xdr:colOff>414235</xdr:colOff>
      <xdr:row>14</xdr:row>
      <xdr:rowOff>264795</xdr:rowOff>
    </xdr:to>
    <xdr:sp macro="" textlink="">
      <xdr:nvSpPr>
        <xdr:cNvPr id="2" name="角丸四角形 1">
          <a:extLst>
            <a:ext uri="{FF2B5EF4-FFF2-40B4-BE49-F238E27FC236}">
              <a16:creationId xmlns:a16="http://schemas.microsoft.com/office/drawing/2014/main" id="{00000000-0008-0000-0B00-000002000000}"/>
            </a:ext>
          </a:extLst>
        </xdr:cNvPr>
        <xdr:cNvSpPr/>
      </xdr:nvSpPr>
      <xdr:spPr>
        <a:xfrm>
          <a:off x="499745" y="3100070"/>
          <a:ext cx="1335405" cy="542925"/>
        </a:xfrm>
        <a:prstGeom prst="round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l">
            <a:lnSpc>
              <a:spcPts val="1300"/>
            </a:lnSpc>
          </a:pPr>
          <a:r>
            <a:rPr kumimoji="1" lang="ja-JP" altLang="en-US" sz="1100"/>
            <a:t>記入例の行は削除しないでくだ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4</xdr:col>
      <xdr:colOff>438150</xdr:colOff>
      <xdr:row>9</xdr:row>
      <xdr:rowOff>57150</xdr:rowOff>
    </xdr:from>
    <xdr:to>
      <xdr:col>4</xdr:col>
      <xdr:colOff>438150</xdr:colOff>
      <xdr:row>10</xdr:row>
      <xdr:rowOff>29700</xdr:rowOff>
    </xdr:to>
    <xdr:cxnSp macro="">
      <xdr:nvCxnSpPr>
        <xdr:cNvPr id="4" name="直線矢印コネクタ 3">
          <a:extLst>
            <a:ext uri="{FF2B5EF4-FFF2-40B4-BE49-F238E27FC236}">
              <a16:creationId xmlns:a16="http://schemas.microsoft.com/office/drawing/2014/main" id="{00000000-0008-0000-0C00-000004000000}"/>
            </a:ext>
          </a:extLst>
        </xdr:cNvPr>
        <xdr:cNvCxnSpPr/>
      </xdr:nvCxnSpPr>
      <xdr:spPr>
        <a:xfrm flipH="1">
          <a:off x="4006850" y="2108200"/>
          <a:ext cx="0" cy="144000"/>
        </a:xfrm>
        <a:prstGeom prst="straightConnector1">
          <a:avLst/>
        </a:prstGeom>
        <a:ln>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419100</xdr:colOff>
      <xdr:row>9</xdr:row>
      <xdr:rowOff>63500</xdr:rowOff>
    </xdr:from>
    <xdr:to>
      <xdr:col>5</xdr:col>
      <xdr:colOff>419100</xdr:colOff>
      <xdr:row>10</xdr:row>
      <xdr:rowOff>36050</xdr:rowOff>
    </xdr:to>
    <xdr:cxnSp macro="">
      <xdr:nvCxnSpPr>
        <xdr:cNvPr id="5" name="直線矢印コネクタ 4">
          <a:extLst>
            <a:ext uri="{FF2B5EF4-FFF2-40B4-BE49-F238E27FC236}">
              <a16:creationId xmlns:a16="http://schemas.microsoft.com/office/drawing/2014/main" id="{00000000-0008-0000-0C00-000005000000}"/>
            </a:ext>
          </a:extLst>
        </xdr:cNvPr>
        <xdr:cNvCxnSpPr/>
      </xdr:nvCxnSpPr>
      <xdr:spPr>
        <a:xfrm flipH="1">
          <a:off x="4870450" y="2114550"/>
          <a:ext cx="0" cy="144000"/>
        </a:xfrm>
        <a:prstGeom prst="straightConnector1">
          <a:avLst/>
        </a:prstGeom>
        <a:ln>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438150</xdr:colOff>
      <xdr:row>9</xdr:row>
      <xdr:rowOff>63500</xdr:rowOff>
    </xdr:from>
    <xdr:to>
      <xdr:col>5</xdr:col>
      <xdr:colOff>415200</xdr:colOff>
      <xdr:row>9</xdr:row>
      <xdr:rowOff>63500</xdr:rowOff>
    </xdr:to>
    <xdr:cxnSp macro="">
      <xdr:nvCxnSpPr>
        <xdr:cNvPr id="7" name="直線コネクタ 6">
          <a:extLst>
            <a:ext uri="{FF2B5EF4-FFF2-40B4-BE49-F238E27FC236}">
              <a16:creationId xmlns:a16="http://schemas.microsoft.com/office/drawing/2014/main" id="{00000000-0008-0000-0C00-000007000000}"/>
            </a:ext>
          </a:extLst>
        </xdr:cNvPr>
        <xdr:cNvCxnSpPr/>
      </xdr:nvCxnSpPr>
      <xdr:spPr>
        <a:xfrm>
          <a:off x="4006850" y="2114550"/>
          <a:ext cx="859700" cy="0"/>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9050</xdr:colOff>
      <xdr:row>8</xdr:row>
      <xdr:rowOff>292100</xdr:rowOff>
    </xdr:from>
    <xdr:to>
      <xdr:col>5</xdr:col>
      <xdr:colOff>19050</xdr:colOff>
      <xdr:row>9</xdr:row>
      <xdr:rowOff>50800</xdr:rowOff>
    </xdr:to>
    <xdr:cxnSp macro="">
      <xdr:nvCxnSpPr>
        <xdr:cNvPr id="9" name="直線コネクタ 8">
          <a:extLst>
            <a:ext uri="{FF2B5EF4-FFF2-40B4-BE49-F238E27FC236}">
              <a16:creationId xmlns:a16="http://schemas.microsoft.com/office/drawing/2014/main" id="{00000000-0008-0000-0C00-000009000000}"/>
            </a:ext>
          </a:extLst>
        </xdr:cNvPr>
        <xdr:cNvCxnSpPr/>
      </xdr:nvCxnSpPr>
      <xdr:spPr>
        <a:xfrm>
          <a:off x="4470400" y="2006600"/>
          <a:ext cx="0" cy="95250"/>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425450</xdr:colOff>
      <xdr:row>12</xdr:row>
      <xdr:rowOff>50800</xdr:rowOff>
    </xdr:from>
    <xdr:to>
      <xdr:col>4</xdr:col>
      <xdr:colOff>425450</xdr:colOff>
      <xdr:row>13</xdr:row>
      <xdr:rowOff>23350</xdr:rowOff>
    </xdr:to>
    <xdr:cxnSp macro="">
      <xdr:nvCxnSpPr>
        <xdr:cNvPr id="10" name="直線矢印コネクタ 9">
          <a:extLst>
            <a:ext uri="{FF2B5EF4-FFF2-40B4-BE49-F238E27FC236}">
              <a16:creationId xmlns:a16="http://schemas.microsoft.com/office/drawing/2014/main" id="{00000000-0008-0000-0C00-00000A000000}"/>
            </a:ext>
          </a:extLst>
        </xdr:cNvPr>
        <xdr:cNvCxnSpPr/>
      </xdr:nvCxnSpPr>
      <xdr:spPr>
        <a:xfrm flipH="1">
          <a:off x="3994150" y="2921000"/>
          <a:ext cx="0" cy="144000"/>
        </a:xfrm>
        <a:prstGeom prst="straightConnector1">
          <a:avLst/>
        </a:prstGeom>
        <a:ln>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406400</xdr:colOff>
      <xdr:row>12</xdr:row>
      <xdr:rowOff>57150</xdr:rowOff>
    </xdr:from>
    <xdr:to>
      <xdr:col>5</xdr:col>
      <xdr:colOff>406400</xdr:colOff>
      <xdr:row>13</xdr:row>
      <xdr:rowOff>29700</xdr:rowOff>
    </xdr:to>
    <xdr:cxnSp macro="">
      <xdr:nvCxnSpPr>
        <xdr:cNvPr id="11" name="直線矢印コネクタ 10">
          <a:extLst>
            <a:ext uri="{FF2B5EF4-FFF2-40B4-BE49-F238E27FC236}">
              <a16:creationId xmlns:a16="http://schemas.microsoft.com/office/drawing/2014/main" id="{00000000-0008-0000-0C00-00000B000000}"/>
            </a:ext>
          </a:extLst>
        </xdr:cNvPr>
        <xdr:cNvCxnSpPr/>
      </xdr:nvCxnSpPr>
      <xdr:spPr>
        <a:xfrm flipH="1">
          <a:off x="4857750" y="2927350"/>
          <a:ext cx="0" cy="144000"/>
        </a:xfrm>
        <a:prstGeom prst="straightConnector1">
          <a:avLst/>
        </a:prstGeom>
        <a:ln>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425450</xdr:colOff>
      <xdr:row>12</xdr:row>
      <xdr:rowOff>57150</xdr:rowOff>
    </xdr:from>
    <xdr:to>
      <xdr:col>5</xdr:col>
      <xdr:colOff>402500</xdr:colOff>
      <xdr:row>12</xdr:row>
      <xdr:rowOff>57150</xdr:rowOff>
    </xdr:to>
    <xdr:cxnSp macro="">
      <xdr:nvCxnSpPr>
        <xdr:cNvPr id="12" name="直線コネクタ 11">
          <a:extLst>
            <a:ext uri="{FF2B5EF4-FFF2-40B4-BE49-F238E27FC236}">
              <a16:creationId xmlns:a16="http://schemas.microsoft.com/office/drawing/2014/main" id="{00000000-0008-0000-0C00-00000C000000}"/>
            </a:ext>
          </a:extLst>
        </xdr:cNvPr>
        <xdr:cNvCxnSpPr/>
      </xdr:nvCxnSpPr>
      <xdr:spPr>
        <a:xfrm>
          <a:off x="3994150" y="2927350"/>
          <a:ext cx="859700" cy="0"/>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793750</xdr:colOff>
      <xdr:row>11</xdr:row>
      <xdr:rowOff>133350</xdr:rowOff>
    </xdr:from>
    <xdr:to>
      <xdr:col>4</xdr:col>
      <xdr:colOff>793750</xdr:colOff>
      <xdr:row>12</xdr:row>
      <xdr:rowOff>57150</xdr:rowOff>
    </xdr:to>
    <xdr:cxnSp macro="">
      <xdr:nvCxnSpPr>
        <xdr:cNvPr id="13" name="直線コネクタ 12">
          <a:extLst>
            <a:ext uri="{FF2B5EF4-FFF2-40B4-BE49-F238E27FC236}">
              <a16:creationId xmlns:a16="http://schemas.microsoft.com/office/drawing/2014/main" id="{00000000-0008-0000-0C00-00000D000000}"/>
            </a:ext>
          </a:extLst>
        </xdr:cNvPr>
        <xdr:cNvCxnSpPr/>
      </xdr:nvCxnSpPr>
      <xdr:spPr>
        <a:xfrm>
          <a:off x="4362450" y="2774950"/>
          <a:ext cx="0" cy="152400"/>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819150</xdr:colOff>
      <xdr:row>21</xdr:row>
      <xdr:rowOff>285750</xdr:rowOff>
    </xdr:from>
    <xdr:to>
      <xdr:col>4</xdr:col>
      <xdr:colOff>819150</xdr:colOff>
      <xdr:row>27</xdr:row>
      <xdr:rowOff>76200</xdr:rowOff>
    </xdr:to>
    <xdr:cxnSp macro="">
      <xdr:nvCxnSpPr>
        <xdr:cNvPr id="28" name="直線矢印コネクタ 27">
          <a:extLst>
            <a:ext uri="{FF2B5EF4-FFF2-40B4-BE49-F238E27FC236}">
              <a16:creationId xmlns:a16="http://schemas.microsoft.com/office/drawing/2014/main" id="{00000000-0008-0000-0C00-00001C000000}"/>
            </a:ext>
          </a:extLst>
        </xdr:cNvPr>
        <xdr:cNvCxnSpPr/>
      </xdr:nvCxnSpPr>
      <xdr:spPr>
        <a:xfrm>
          <a:off x="4461510" y="6046470"/>
          <a:ext cx="0" cy="1184910"/>
        </a:xfrm>
        <a:prstGeom prst="straightConnector1">
          <a:avLst/>
        </a:prstGeom>
        <a:ln>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812800</xdr:colOff>
      <xdr:row>21</xdr:row>
      <xdr:rowOff>311150</xdr:rowOff>
    </xdr:from>
    <xdr:to>
      <xdr:col>5</xdr:col>
      <xdr:colOff>825500</xdr:colOff>
      <xdr:row>29</xdr:row>
      <xdr:rowOff>95250</xdr:rowOff>
    </xdr:to>
    <xdr:cxnSp macro="">
      <xdr:nvCxnSpPr>
        <xdr:cNvPr id="29" name="直線矢印コネクタ 28">
          <a:extLst>
            <a:ext uri="{FF2B5EF4-FFF2-40B4-BE49-F238E27FC236}">
              <a16:creationId xmlns:a16="http://schemas.microsoft.com/office/drawing/2014/main" id="{00000000-0008-0000-0C00-00001D000000}"/>
            </a:ext>
          </a:extLst>
        </xdr:cNvPr>
        <xdr:cNvCxnSpPr/>
      </xdr:nvCxnSpPr>
      <xdr:spPr>
        <a:xfrm flipH="1">
          <a:off x="5400040" y="6071870"/>
          <a:ext cx="12700" cy="2374900"/>
        </a:xfrm>
        <a:prstGeom prst="straightConnector1">
          <a:avLst/>
        </a:prstGeom>
        <a:ln>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7.xml><?xml version="1.0" encoding="utf-8"?>
<xdr:wsDr xmlns:xdr="http://schemas.openxmlformats.org/drawingml/2006/spreadsheetDrawing" xmlns:a="http://schemas.openxmlformats.org/drawingml/2006/main">
  <xdr:twoCellAnchor>
    <xdr:from>
      <xdr:col>4</xdr:col>
      <xdr:colOff>479425</xdr:colOff>
      <xdr:row>18</xdr:row>
      <xdr:rowOff>225425</xdr:rowOff>
    </xdr:from>
    <xdr:to>
      <xdr:col>4</xdr:col>
      <xdr:colOff>488950</xdr:colOff>
      <xdr:row>23</xdr:row>
      <xdr:rowOff>82550</xdr:rowOff>
    </xdr:to>
    <xdr:sp macro="" textlink="">
      <xdr:nvSpPr>
        <xdr:cNvPr id="2" name="Line 2">
          <a:extLst>
            <a:ext uri="{FF2B5EF4-FFF2-40B4-BE49-F238E27FC236}">
              <a16:creationId xmlns:a16="http://schemas.microsoft.com/office/drawing/2014/main" id="{96577A81-3DD6-485F-A413-8613B97A6155}"/>
            </a:ext>
          </a:extLst>
        </xdr:cNvPr>
        <xdr:cNvSpPr>
          <a:spLocks noChangeShapeType="1"/>
        </xdr:cNvSpPr>
      </xdr:nvSpPr>
      <xdr:spPr bwMode="auto">
        <a:xfrm flipH="1">
          <a:off x="5287645" y="4629785"/>
          <a:ext cx="9525" cy="112966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xdr:col>
      <xdr:colOff>803275</xdr:colOff>
      <xdr:row>18</xdr:row>
      <xdr:rowOff>231775</xdr:rowOff>
    </xdr:from>
    <xdr:to>
      <xdr:col>4</xdr:col>
      <xdr:colOff>469900</xdr:colOff>
      <xdr:row>18</xdr:row>
      <xdr:rowOff>231775</xdr:rowOff>
    </xdr:to>
    <xdr:sp macro="" textlink="">
      <xdr:nvSpPr>
        <xdr:cNvPr id="3" name="Line 3">
          <a:extLst>
            <a:ext uri="{FF2B5EF4-FFF2-40B4-BE49-F238E27FC236}">
              <a16:creationId xmlns:a16="http://schemas.microsoft.com/office/drawing/2014/main" id="{2937190D-CD8B-440C-B470-E21528E3C3E2}"/>
            </a:ext>
          </a:extLst>
        </xdr:cNvPr>
        <xdr:cNvSpPr>
          <a:spLocks noChangeShapeType="1"/>
        </xdr:cNvSpPr>
      </xdr:nvSpPr>
      <xdr:spPr bwMode="auto">
        <a:xfrm>
          <a:off x="4742815" y="4636135"/>
          <a:ext cx="53530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0</xdr:colOff>
      <xdr:row>7</xdr:row>
      <xdr:rowOff>60960</xdr:rowOff>
    </xdr:from>
    <xdr:to>
      <xdr:col>2</xdr:col>
      <xdr:colOff>704850</xdr:colOff>
      <xdr:row>8</xdr:row>
      <xdr:rowOff>71466</xdr:rowOff>
    </xdr:to>
    <xdr:sp macro="" textlink="">
      <xdr:nvSpPr>
        <xdr:cNvPr id="2" name="正方形/長方形 1">
          <a:extLst>
            <a:ext uri="{FF2B5EF4-FFF2-40B4-BE49-F238E27FC236}">
              <a16:creationId xmlns:a16="http://schemas.microsoft.com/office/drawing/2014/main" id="{1329BAFA-22AE-4EB3-ADDC-17BF43EDDB3B}"/>
            </a:ext>
          </a:extLst>
        </xdr:cNvPr>
        <xdr:cNvSpPr/>
      </xdr:nvSpPr>
      <xdr:spPr>
        <a:xfrm>
          <a:off x="121920" y="1203960"/>
          <a:ext cx="1070610" cy="368646"/>
        </a:xfrm>
        <a:prstGeom prst="rect">
          <a:avLst/>
        </a:prstGeom>
        <a:solidFill>
          <a:srgbClr val="FFFF00"/>
        </a:solidFill>
        <a:ln>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ctr"/>
          <a:r>
            <a:rPr kumimoji="1" lang="ja-JP" altLang="en-US" sz="1800"/>
            <a:t>記載例</a:t>
          </a:r>
        </a:p>
      </xdr:txBody>
    </xdr:sp>
    <xdr:clientData/>
  </xdr:twoCellAnchor>
  <xdr:twoCellAnchor>
    <xdr:from>
      <xdr:col>11</xdr:col>
      <xdr:colOff>68580</xdr:colOff>
      <xdr:row>21</xdr:row>
      <xdr:rowOff>53340</xdr:rowOff>
    </xdr:from>
    <xdr:to>
      <xdr:col>11</xdr:col>
      <xdr:colOff>236220</xdr:colOff>
      <xdr:row>27</xdr:row>
      <xdr:rowOff>220980</xdr:rowOff>
    </xdr:to>
    <xdr:sp macro="" textlink="">
      <xdr:nvSpPr>
        <xdr:cNvPr id="4" name="右中かっこ 3">
          <a:extLst>
            <a:ext uri="{FF2B5EF4-FFF2-40B4-BE49-F238E27FC236}">
              <a16:creationId xmlns:a16="http://schemas.microsoft.com/office/drawing/2014/main" id="{BF5D07CB-7492-68BE-1BAB-1AD53382118E}"/>
            </a:ext>
          </a:extLst>
        </xdr:cNvPr>
        <xdr:cNvSpPr/>
      </xdr:nvSpPr>
      <xdr:spPr>
        <a:xfrm>
          <a:off x="7254240" y="5387340"/>
          <a:ext cx="167640" cy="1676400"/>
        </a:xfrm>
        <a:prstGeom prst="rightBrace">
          <a:avLst>
            <a:gd name="adj1" fmla="val 88333"/>
            <a:gd name="adj2" fmla="val 50000"/>
          </a:avLst>
        </a:prstGeom>
        <a:ln w="254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0</xdr:colOff>
      <xdr:row>37</xdr:row>
      <xdr:rowOff>0</xdr:rowOff>
    </xdr:from>
    <xdr:to>
      <xdr:col>11</xdr:col>
      <xdr:colOff>160020</xdr:colOff>
      <xdr:row>42</xdr:row>
      <xdr:rowOff>0</xdr:rowOff>
    </xdr:to>
    <xdr:sp macro="" textlink="">
      <xdr:nvSpPr>
        <xdr:cNvPr id="3" name="右中かっこ 2">
          <a:extLst>
            <a:ext uri="{FF2B5EF4-FFF2-40B4-BE49-F238E27FC236}">
              <a16:creationId xmlns:a16="http://schemas.microsoft.com/office/drawing/2014/main" id="{4CA2F2D2-A4E9-47C0-A8D5-917F6DD22661}"/>
            </a:ext>
          </a:extLst>
        </xdr:cNvPr>
        <xdr:cNvSpPr/>
      </xdr:nvSpPr>
      <xdr:spPr>
        <a:xfrm>
          <a:off x="7185660" y="11567160"/>
          <a:ext cx="160020" cy="990600"/>
        </a:xfrm>
        <a:prstGeom prst="rightBrace">
          <a:avLst>
            <a:gd name="adj1" fmla="val 88333"/>
            <a:gd name="adj2" fmla="val 50000"/>
          </a:avLst>
        </a:prstGeom>
        <a:ln w="254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4</xdr:col>
      <xdr:colOff>479425</xdr:colOff>
      <xdr:row>26</xdr:row>
      <xdr:rowOff>225425</xdr:rowOff>
    </xdr:from>
    <xdr:to>
      <xdr:col>4</xdr:col>
      <xdr:colOff>488950</xdr:colOff>
      <xdr:row>31</xdr:row>
      <xdr:rowOff>82550</xdr:rowOff>
    </xdr:to>
    <xdr:sp macro="" textlink="">
      <xdr:nvSpPr>
        <xdr:cNvPr id="2" name="Line 2">
          <a:extLst>
            <a:ext uri="{FF2B5EF4-FFF2-40B4-BE49-F238E27FC236}">
              <a16:creationId xmlns:a16="http://schemas.microsoft.com/office/drawing/2014/main" id="{63E3B8A2-5E05-44D4-A37F-0926EBF35D94}"/>
            </a:ext>
          </a:extLst>
        </xdr:cNvPr>
        <xdr:cNvSpPr>
          <a:spLocks noChangeShapeType="1"/>
        </xdr:cNvSpPr>
      </xdr:nvSpPr>
      <xdr:spPr bwMode="auto">
        <a:xfrm flipH="1">
          <a:off x="5607685" y="3776345"/>
          <a:ext cx="9525" cy="12287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xdr:col>
      <xdr:colOff>803275</xdr:colOff>
      <xdr:row>26</xdr:row>
      <xdr:rowOff>231775</xdr:rowOff>
    </xdr:from>
    <xdr:to>
      <xdr:col>4</xdr:col>
      <xdr:colOff>469900</xdr:colOff>
      <xdr:row>26</xdr:row>
      <xdr:rowOff>231775</xdr:rowOff>
    </xdr:to>
    <xdr:sp macro="" textlink="">
      <xdr:nvSpPr>
        <xdr:cNvPr id="3" name="Line 3">
          <a:extLst>
            <a:ext uri="{FF2B5EF4-FFF2-40B4-BE49-F238E27FC236}">
              <a16:creationId xmlns:a16="http://schemas.microsoft.com/office/drawing/2014/main" id="{FA042964-122A-47F3-98F1-217A76C7F270}"/>
            </a:ext>
          </a:extLst>
        </xdr:cNvPr>
        <xdr:cNvSpPr>
          <a:spLocks noChangeShapeType="1"/>
        </xdr:cNvSpPr>
      </xdr:nvSpPr>
      <xdr:spPr bwMode="auto">
        <a:xfrm>
          <a:off x="5062855" y="3782695"/>
          <a:ext cx="53530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00"/>
        </a:solidFill>
        <a:ln>
          <a:solidFill>
            <a:srgbClr val="FF0000"/>
          </a:solidFill>
        </a:ln>
      </a:spPr>
      <a:bodyPr vertOverflow="clip" horzOverflow="clip" rtlCol="0" anchor="ctr"/>
      <a:lstStyle>
        <a:defPPr algn="ctr">
          <a:lnSpc>
            <a:spcPts val="1300"/>
          </a:lnSpc>
          <a:defRPr kumimoji="1" sz="1100"/>
        </a:defPPr>
      </a:lstStyle>
      <a:style>
        <a:lnRef idx="2">
          <a:schemeClr val="accent6"/>
        </a:lnRef>
        <a:fillRef idx="1">
          <a:schemeClr val="lt1"/>
        </a:fillRef>
        <a:effectRef idx="0">
          <a:schemeClr val="accent6"/>
        </a:effectRef>
        <a:fontRef idx="minor">
          <a:schemeClr val="dk1"/>
        </a:fontRef>
      </a:style>
    </a:spDef>
  </a:objectDefaults>
  <a:extraClrSchemeLst/>
</a:theme>
</file>

<file path=xl/worksheets/_rels/sheet1.xml.rels><?xml version="1.0" encoding="UTF-8" standalone="yes"?><Relationships xmlns="http://schemas.openxmlformats.org/package/2006/relationships"><Relationship Id="rId1" Target="../printerSettings/printerSettings1.bin" Type="http://schemas.openxmlformats.org/officeDocument/2006/relationships/printerSettings"/><Relationship Id="rId2" Target="../printerSettings/printerSettings2.bin" Type="http://schemas.openxmlformats.org/officeDocument/2006/relationships/printerSettings"/><Relationship Id="rId3" Target="../printerSettings/printerSettings3.bin" Type="http://schemas.openxmlformats.org/officeDocument/2006/relationships/printerSettings"/></Relationships>
</file>

<file path=xl/worksheets/_rels/sheet10.xml.rels><?xml version="1.0" encoding="UTF-8" standalone="yes"?><Relationships xmlns="http://schemas.openxmlformats.org/package/2006/relationships"><Relationship Id="rId1" Target="../printerSettings/printerSettings19.bin" Type="http://schemas.openxmlformats.org/officeDocument/2006/relationships/printerSettings"/><Relationship Id="rId2" Target="../printerSettings/printerSettings20.bin" Type="http://schemas.openxmlformats.org/officeDocument/2006/relationships/printerSettings"/><Relationship Id="rId3" Target="../printerSettings/printerSettings21.bin" Type="http://schemas.openxmlformats.org/officeDocument/2006/relationships/printerSettings"/></Relationships>
</file>

<file path=xl/worksheets/_rels/sheet11.xml.rels><?xml version="1.0" encoding="UTF-8" standalone="yes"?><Relationships xmlns="http://schemas.openxmlformats.org/package/2006/relationships"><Relationship Id="rId1" Target="../printerSettings/printerSettings22.bin" Type="http://schemas.openxmlformats.org/officeDocument/2006/relationships/printerSettings"/><Relationship Id="rId2" Target="../printerSettings/printerSettings23.bin" Type="http://schemas.openxmlformats.org/officeDocument/2006/relationships/printerSettings"/><Relationship Id="rId3" Target="../printerSettings/printerSettings24.bin" Type="http://schemas.openxmlformats.org/officeDocument/2006/relationships/printerSettings"/><Relationship Id="rId4" Target="../drawings/drawing4.xml" Type="http://schemas.openxmlformats.org/officeDocument/2006/relationships/drawing"/></Relationships>
</file>

<file path=xl/worksheets/_rels/sheet12.xml.rels><?xml version="1.0" encoding="UTF-8" standalone="yes"?><Relationships xmlns="http://schemas.openxmlformats.org/package/2006/relationships"><Relationship Id="rId1" Target="../printerSettings/printerSettings25.bin" Type="http://schemas.openxmlformats.org/officeDocument/2006/relationships/printerSettings"/><Relationship Id="rId2" Target="../printerSettings/printerSettings26.bin" Type="http://schemas.openxmlformats.org/officeDocument/2006/relationships/printerSettings"/><Relationship Id="rId3" Target="../printerSettings/printerSettings27.bin" Type="http://schemas.openxmlformats.org/officeDocument/2006/relationships/printerSettings"/><Relationship Id="rId4" Target="../drawings/drawing5.xml" Type="http://schemas.openxmlformats.org/officeDocument/2006/relationships/drawing"/></Relationships>
</file>

<file path=xl/worksheets/_rels/sheet13.xml.rels><?xml version="1.0" encoding="UTF-8" standalone="yes"?><Relationships xmlns="http://schemas.openxmlformats.org/package/2006/relationships"><Relationship Id="rId1" Target="../printerSettings/printerSettings28.bin" Type="http://schemas.openxmlformats.org/officeDocument/2006/relationships/printerSettings"/><Relationship Id="rId2" Target="../drawings/drawing6.xml" Type="http://schemas.openxmlformats.org/officeDocument/2006/relationships/drawing"/></Relationships>
</file>

<file path=xl/worksheets/_rels/sheet14.xml.rels><?xml version="1.0" encoding="UTF-8" standalone="yes"?><Relationships xmlns="http://schemas.openxmlformats.org/package/2006/relationships"><Relationship Id="rId1" Target="../printerSettings/printerSettings29.bin" Type="http://schemas.openxmlformats.org/officeDocument/2006/relationships/printerSettings"/><Relationship Id="rId2" Target="../printerSettings/printerSettings30.bin" Type="http://schemas.openxmlformats.org/officeDocument/2006/relationships/printerSettings"/><Relationship Id="rId3" Target="../printerSettings/printerSettings31.bin" Type="http://schemas.openxmlformats.org/officeDocument/2006/relationships/printerSettings"/></Relationships>
</file>

<file path=xl/worksheets/_rels/sheet15.xml.rels><?xml version="1.0" encoding="UTF-8" standalone="yes"?><Relationships xmlns="http://schemas.openxmlformats.org/package/2006/relationships"><Relationship Id="rId1" Target="../printerSettings/printerSettings32.bin" Type="http://schemas.openxmlformats.org/officeDocument/2006/relationships/printerSettings"/><Relationship Id="rId2" Target="../drawings/drawing7.xml" Type="http://schemas.openxmlformats.org/officeDocument/2006/relationships/drawing"/></Relationships>
</file>

<file path=xl/worksheets/_rels/sheet16.xml.rels><?xml version="1.0" encoding="UTF-8" standalone="yes"?><Relationships xmlns="http://schemas.openxmlformats.org/package/2006/relationships"><Relationship Id="rId1" Target="../printerSettings/printerSettings33.bin" Type="http://schemas.openxmlformats.org/officeDocument/2006/relationships/printerSettings"/><Relationship Id="rId2" Target="../drawings/vmlDrawing1.vml" Type="http://schemas.openxmlformats.org/officeDocument/2006/relationships/vmlDrawing"/><Relationship Id="rId3" Target="../comments1.xml" Type="http://schemas.openxmlformats.org/officeDocument/2006/relationships/comments"/></Relationships>
</file>

<file path=xl/worksheets/_rels/sheet17.xml.rels><?xml version="1.0" encoding="UTF-8" standalone="yes"?><Relationships xmlns="http://schemas.openxmlformats.org/package/2006/relationships"><Relationship Id="rId1" Target="../printerSettings/printerSettings34.bin" Type="http://schemas.openxmlformats.org/officeDocument/2006/relationships/printerSettings"/><Relationship Id="rId2" Target="../drawings/drawing8.xml" Type="http://schemas.openxmlformats.org/officeDocument/2006/relationships/drawing"/><Relationship Id="rId3" Target="../drawings/vmlDrawing2.vml" Type="http://schemas.openxmlformats.org/officeDocument/2006/relationships/vmlDrawing"/><Relationship Id="rId4" Target="../comments2.xml" Type="http://schemas.openxmlformats.org/officeDocument/2006/relationships/comments"/></Relationships>
</file>

<file path=xl/worksheets/_rels/sheet19.xml.rels><?xml version="1.0" encoding="UTF-8" standalone="yes"?><Relationships xmlns="http://schemas.openxmlformats.org/package/2006/relationships"><Relationship Id="rId1" Target="../printerSettings/printerSettings35.bin" Type="http://schemas.openxmlformats.org/officeDocument/2006/relationships/printerSettings"/></Relationships>
</file>

<file path=xl/worksheets/_rels/sheet2.xml.rels><?xml version="1.0" encoding="UTF-8" standalone="yes"?><Relationships xmlns="http://schemas.openxmlformats.org/package/2006/relationships"><Relationship Id="rId1" Target="../printerSettings/printerSettings4.bin" Type="http://schemas.openxmlformats.org/officeDocument/2006/relationships/printerSettings"/><Relationship Id="rId2" Target="../drawings/drawing1.xml" Type="http://schemas.openxmlformats.org/officeDocument/2006/relationships/drawing"/></Relationships>
</file>

<file path=xl/worksheets/_rels/sheet20.xml.rels><?xml version="1.0" encoding="UTF-8" standalone="yes"?><Relationships xmlns="http://schemas.openxmlformats.org/package/2006/relationships"><Relationship Id="rId1" Target="../printerSettings/printerSettings36.bin" Type="http://schemas.openxmlformats.org/officeDocument/2006/relationships/printerSettings"/><Relationship Id="rId2" Target="../printerSettings/printerSettings37.bin" Type="http://schemas.openxmlformats.org/officeDocument/2006/relationships/printerSettings"/><Relationship Id="rId3" Target="../printerSettings/printerSettings38.bin" Type="http://schemas.openxmlformats.org/officeDocument/2006/relationships/printerSettings"/></Relationships>
</file>

<file path=xl/worksheets/_rels/sheet21.xml.rels><?xml version="1.0" encoding="UTF-8" standalone="yes"?><Relationships xmlns="http://schemas.openxmlformats.org/package/2006/relationships"><Relationship Id="rId1" Target="../printerSettings/printerSettings39.bin" Type="http://schemas.openxmlformats.org/officeDocument/2006/relationships/printerSettings"/><Relationship Id="rId2" Target="../printerSettings/printerSettings40.bin" Type="http://schemas.openxmlformats.org/officeDocument/2006/relationships/printerSettings"/><Relationship Id="rId3" Target="../printerSettings/printerSettings41.bin" Type="http://schemas.openxmlformats.org/officeDocument/2006/relationships/printerSettings"/></Relationships>
</file>

<file path=xl/worksheets/_rels/sheet22.xml.rels><?xml version="1.0" encoding="UTF-8" standalone="yes"?><Relationships xmlns="http://schemas.openxmlformats.org/package/2006/relationships"><Relationship Id="rId1" Target="https://www.env.go.jp/earth/zeb/detail/06.html" TargetMode="External" Type="http://schemas.openxmlformats.org/officeDocument/2006/relationships/hyperlink"/><Relationship Id="rId2" Target="https://sii.or.jp/zeb/zeb_guideline.html" TargetMode="External" Type="http://schemas.openxmlformats.org/officeDocument/2006/relationships/hyperlink"/><Relationship Id="rId3" Target="../printerSettings/printerSettings42.bin" Type="http://schemas.openxmlformats.org/officeDocument/2006/relationships/printerSettings"/><Relationship Id="rId4" Target="../drawings/drawing9.xml" Type="http://schemas.openxmlformats.org/officeDocument/2006/relationships/drawing"/></Relationships>
</file>

<file path=xl/worksheets/_rels/sheet23.xml.rels><?xml version="1.0" encoding="UTF-8" standalone="yes"?><Relationships xmlns="http://schemas.openxmlformats.org/package/2006/relationships"><Relationship Id="rId1" Target="../printerSettings/printerSettings43.bin" Type="http://schemas.openxmlformats.org/officeDocument/2006/relationships/printerSettings"/></Relationships>
</file>

<file path=xl/worksheets/_rels/sheet24.xml.rels><?xml version="1.0" encoding="UTF-8" standalone="yes"?><Relationships xmlns="http://schemas.openxmlformats.org/package/2006/relationships"><Relationship Id="rId1" Target="../printerSettings/printerSettings44.bin" Type="http://schemas.openxmlformats.org/officeDocument/2006/relationships/printerSettings"/><Relationship Id="rId2" Target="../drawings/drawing10.xml" Type="http://schemas.openxmlformats.org/officeDocument/2006/relationships/drawing"/></Relationships>
</file>

<file path=xl/worksheets/_rels/sheet25.xml.rels><?xml version="1.0" encoding="UTF-8" standalone="yes"?><Relationships xmlns="http://schemas.openxmlformats.org/package/2006/relationships"><Relationship Id="rId1" Target="../printerSettings/printerSettings45.bin" Type="http://schemas.openxmlformats.org/officeDocument/2006/relationships/printerSettings"/><Relationship Id="rId2" Target="../printerSettings/printerSettings46.bin" Type="http://schemas.openxmlformats.org/officeDocument/2006/relationships/printerSettings"/><Relationship Id="rId3" Target="../printerSettings/printerSettings47.bin" Type="http://schemas.openxmlformats.org/officeDocument/2006/relationships/printerSettings"/></Relationships>
</file>

<file path=xl/worksheets/_rels/sheet26.xml.rels><?xml version="1.0" encoding="UTF-8" standalone="yes"?><Relationships xmlns="http://schemas.openxmlformats.org/package/2006/relationships"><Relationship Id="rId1" Target="../printerSettings/printerSettings48.bin" Type="http://schemas.openxmlformats.org/officeDocument/2006/relationships/printerSettings"/><Relationship Id="rId2" Target="../printerSettings/printerSettings49.bin" Type="http://schemas.openxmlformats.org/officeDocument/2006/relationships/printerSettings"/><Relationship Id="rId3" Target="../printerSettings/printerSettings50.bin" Type="http://schemas.openxmlformats.org/officeDocument/2006/relationships/printerSettings"/><Relationship Id="rId4" Target="../drawings/drawing11.xml" Type="http://schemas.openxmlformats.org/officeDocument/2006/relationships/drawing"/></Relationships>
</file>

<file path=xl/worksheets/_rels/sheet27.xml.rels><?xml version="1.0" encoding="UTF-8" standalone="yes"?><Relationships xmlns="http://schemas.openxmlformats.org/package/2006/relationships"><Relationship Id="rId1" Target="../printerSettings/printerSettings51.bin" Type="http://schemas.openxmlformats.org/officeDocument/2006/relationships/printerSettings"/><Relationship Id="rId2" Target="../printerSettings/printerSettings52.bin" Type="http://schemas.openxmlformats.org/officeDocument/2006/relationships/printerSettings"/><Relationship Id="rId3" Target="../drawings/drawing12.xml" Type="http://schemas.openxmlformats.org/officeDocument/2006/relationships/drawing"/></Relationships>
</file>

<file path=xl/worksheets/_rels/sheet28.xml.rels><?xml version="1.0" encoding="UTF-8" standalone="yes"?><Relationships xmlns="http://schemas.openxmlformats.org/package/2006/relationships"><Relationship Id="rId1" Target="../printerSettings/printerSettings53.bin" Type="http://schemas.openxmlformats.org/officeDocument/2006/relationships/printerSettings"/><Relationship Id="rId2" Target="../printerSettings/printerSettings54.bin" Type="http://schemas.openxmlformats.org/officeDocument/2006/relationships/printerSettings"/><Relationship Id="rId3" Target="../printerSettings/printerSettings55.bin" Type="http://schemas.openxmlformats.org/officeDocument/2006/relationships/printerSettings"/></Relationships>
</file>

<file path=xl/worksheets/_rels/sheet29.xml.rels><?xml version="1.0" encoding="UTF-8" standalone="yes"?><Relationships xmlns="http://schemas.openxmlformats.org/package/2006/relationships"><Relationship Id="rId1" Target="../printerSettings/printerSettings56.bin" Type="http://schemas.openxmlformats.org/officeDocument/2006/relationships/printerSettings"/><Relationship Id="rId2" Target="../printerSettings/printerSettings57.bin" Type="http://schemas.openxmlformats.org/officeDocument/2006/relationships/printerSettings"/><Relationship Id="rId3" Target="../printerSettings/printerSettings58.bin" Type="http://schemas.openxmlformats.org/officeDocument/2006/relationships/printerSettings"/></Relationships>
</file>

<file path=xl/worksheets/_rels/sheet4.xml.rels><?xml version="1.0" encoding="UTF-8" standalone="yes"?><Relationships xmlns="http://schemas.openxmlformats.org/package/2006/relationships"><Relationship Id="rId1" Target="../printerSettings/printerSettings5.bin" Type="http://schemas.openxmlformats.org/officeDocument/2006/relationships/printerSettings"/><Relationship Id="rId2" Target="../printerSettings/printerSettings6.bin" Type="http://schemas.openxmlformats.org/officeDocument/2006/relationships/printerSettings"/></Relationships>
</file>

<file path=xl/worksheets/_rels/sheet5.xml.rels><?xml version="1.0" encoding="UTF-8" standalone="yes"?><Relationships xmlns="http://schemas.openxmlformats.org/package/2006/relationships"><Relationship Id="rId1" Target="../printerSettings/printerSettings7.bin" Type="http://schemas.openxmlformats.org/officeDocument/2006/relationships/printerSettings"/><Relationship Id="rId2" Target="../printerSettings/printerSettings8.bin" Type="http://schemas.openxmlformats.org/officeDocument/2006/relationships/printerSettings"/><Relationship Id="rId3" Target="../printerSettings/printerSettings9.bin" Type="http://schemas.openxmlformats.org/officeDocument/2006/relationships/printerSettings"/></Relationships>
</file>

<file path=xl/worksheets/_rels/sheet6.xml.rels><?xml version="1.0" encoding="UTF-8" standalone="yes"?><Relationships xmlns="http://schemas.openxmlformats.org/package/2006/relationships"><Relationship Id="rId1" Target="../printerSettings/printerSettings10.bin" Type="http://schemas.openxmlformats.org/officeDocument/2006/relationships/printerSettings"/><Relationship Id="rId2" Target="../printerSettings/printerSettings11.bin" Type="http://schemas.openxmlformats.org/officeDocument/2006/relationships/printerSettings"/><Relationship Id="rId3" Target="../printerSettings/printerSettings12.bin" Type="http://schemas.openxmlformats.org/officeDocument/2006/relationships/printerSettings"/><Relationship Id="rId4" Target="../drawings/drawing2.xml" Type="http://schemas.openxmlformats.org/officeDocument/2006/relationships/drawing"/></Relationships>
</file>

<file path=xl/worksheets/_rels/sheet7.xml.rels><?xml version="1.0" encoding="UTF-8" standalone="yes"?><Relationships xmlns="http://schemas.openxmlformats.org/package/2006/relationships"><Relationship Id="rId1" Target="../printerSettings/printerSettings13.bin" Type="http://schemas.openxmlformats.org/officeDocument/2006/relationships/printerSettings"/><Relationship Id="rId2" Target="../printerSettings/printerSettings14.bin" Type="http://schemas.openxmlformats.org/officeDocument/2006/relationships/printerSettings"/><Relationship Id="rId3" Target="../drawings/drawing3.xml" Type="http://schemas.openxmlformats.org/officeDocument/2006/relationships/drawing"/></Relationships>
</file>

<file path=xl/worksheets/_rels/sheet8.xml.rels><?xml version="1.0" encoding="UTF-8" standalone="yes"?><Relationships xmlns="http://schemas.openxmlformats.org/package/2006/relationships"><Relationship Id="rId1" Target="../printerSettings/printerSettings15.bin" Type="http://schemas.openxmlformats.org/officeDocument/2006/relationships/printerSettings"/></Relationships>
</file>

<file path=xl/worksheets/_rels/sheet9.xml.rels><?xml version="1.0" encoding="UTF-8" standalone="yes"?><Relationships xmlns="http://schemas.openxmlformats.org/package/2006/relationships"><Relationship Id="rId1" Target="../printerSettings/printerSettings16.bin" Type="http://schemas.openxmlformats.org/officeDocument/2006/relationships/printerSettings"/><Relationship Id="rId2" Target="../printerSettings/printerSettings17.bin" Type="http://schemas.openxmlformats.org/officeDocument/2006/relationships/printerSettings"/><Relationship Id="rId3" Target="../printerSettings/printerSettings18.bin" Type="http://schemas.openxmlformats.org/officeDocument/2006/relationships/printerSettings"/></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FFFF00"/>
    <pageSetUpPr fitToPage="1"/>
  </sheetPr>
  <dimension ref="A1:G48"/>
  <sheetViews>
    <sheetView view="pageBreakPreview" zoomScaleNormal="100" zoomScaleSheetLayoutView="100" workbookViewId="0">
      <selection sqref="A1:G1"/>
    </sheetView>
  </sheetViews>
  <sheetFormatPr defaultColWidth="9" defaultRowHeight="13.2"/>
  <cols>
    <col min="1" max="1" width="4" style="161" customWidth="1"/>
    <col min="2" max="2" width="3.109375" style="161" customWidth="1"/>
    <col min="3" max="3" width="9" style="161"/>
    <col min="4" max="4" width="33" style="161" customWidth="1"/>
    <col min="5" max="5" width="15.109375" style="161" customWidth="1"/>
    <col min="6" max="6" width="35.88671875" style="161" customWidth="1"/>
    <col min="7" max="7" width="24.33203125" style="161" customWidth="1"/>
    <col min="8" max="16384" width="9" style="161"/>
  </cols>
  <sheetData>
    <row r="1" spans="1:7" s="159" customFormat="1" ht="16.2">
      <c r="A1" s="853" t="s">
        <v>1227</v>
      </c>
      <c r="B1" s="853"/>
      <c r="C1" s="853"/>
      <c r="D1" s="853"/>
      <c r="E1" s="853"/>
      <c r="F1" s="853"/>
      <c r="G1" s="853"/>
    </row>
    <row r="2" spans="1:7" s="159" customFormat="1" ht="16.2">
      <c r="A2" s="431"/>
      <c r="B2" s="431"/>
      <c r="C2" s="431"/>
      <c r="D2" s="431"/>
      <c r="E2" s="431"/>
      <c r="F2" s="431"/>
      <c r="G2" s="431"/>
    </row>
    <row r="3" spans="1:7" ht="14.4">
      <c r="A3" s="160" t="s">
        <v>160</v>
      </c>
    </row>
    <row r="4" spans="1:7">
      <c r="B4" s="161" t="s">
        <v>272</v>
      </c>
    </row>
    <row r="5" spans="1:7">
      <c r="B5" s="161" t="s">
        <v>159</v>
      </c>
    </row>
    <row r="6" spans="1:7">
      <c r="B6" s="161" t="s">
        <v>184</v>
      </c>
    </row>
    <row r="7" spans="1:7" ht="10.35" customHeight="1"/>
    <row r="8" spans="1:7" ht="18" customHeight="1">
      <c r="C8" s="162" t="s">
        <v>372</v>
      </c>
      <c r="D8" s="163"/>
      <c r="E8" s="403" t="s">
        <v>373</v>
      </c>
      <c r="F8" s="163"/>
      <c r="G8" s="164"/>
    </row>
    <row r="9" spans="1:7" ht="18" customHeight="1">
      <c r="C9" s="165" t="s">
        <v>545</v>
      </c>
      <c r="E9" s="404" t="s">
        <v>469</v>
      </c>
      <c r="G9" s="167"/>
    </row>
    <row r="10" spans="1:7" ht="18" customHeight="1">
      <c r="C10" s="165" t="s">
        <v>525</v>
      </c>
      <c r="E10" s="405" t="s">
        <v>467</v>
      </c>
      <c r="G10" s="167"/>
    </row>
    <row r="11" spans="1:7" ht="18" customHeight="1">
      <c r="C11" s="165" t="s">
        <v>526</v>
      </c>
      <c r="E11" s="405" t="s">
        <v>468</v>
      </c>
      <c r="G11" s="167"/>
    </row>
    <row r="12" spans="1:7" ht="18" customHeight="1">
      <c r="C12" s="165" t="s">
        <v>813</v>
      </c>
      <c r="E12" s="405" t="s">
        <v>1209</v>
      </c>
      <c r="G12" s="167"/>
    </row>
    <row r="13" spans="1:7" ht="18" customHeight="1">
      <c r="C13" s="165" t="s">
        <v>546</v>
      </c>
      <c r="E13" s="405" t="s">
        <v>166</v>
      </c>
      <c r="G13" s="167"/>
    </row>
    <row r="14" spans="1:7" ht="18" customHeight="1">
      <c r="C14" s="165" t="s">
        <v>547</v>
      </c>
      <c r="E14" s="405" t="s">
        <v>165</v>
      </c>
      <c r="G14" s="167"/>
    </row>
    <row r="15" spans="1:7" ht="18" customHeight="1">
      <c r="C15" s="165" t="s">
        <v>530</v>
      </c>
      <c r="E15" s="405" t="s">
        <v>476</v>
      </c>
      <c r="G15" s="167"/>
    </row>
    <row r="16" spans="1:7" ht="18" customHeight="1">
      <c r="C16" s="165" t="s">
        <v>531</v>
      </c>
      <c r="E16" s="405" t="s">
        <v>477</v>
      </c>
      <c r="G16" s="167"/>
    </row>
    <row r="17" spans="3:7" ht="18" customHeight="1">
      <c r="C17" s="165" t="s">
        <v>741</v>
      </c>
      <c r="E17" s="405" t="s">
        <v>553</v>
      </c>
      <c r="G17" s="167"/>
    </row>
    <row r="18" spans="3:7" ht="18" customHeight="1">
      <c r="C18" s="165" t="s">
        <v>742</v>
      </c>
      <c r="E18" s="405" t="s">
        <v>171</v>
      </c>
      <c r="F18" s="405"/>
      <c r="G18" s="406"/>
    </row>
    <row r="19" spans="3:7" ht="18" customHeight="1">
      <c r="C19" s="165" t="s">
        <v>743</v>
      </c>
      <c r="E19" s="405" t="s">
        <v>711</v>
      </c>
      <c r="F19" s="405"/>
      <c r="G19" s="406"/>
    </row>
    <row r="20" spans="3:7" ht="18" customHeight="1">
      <c r="C20" s="165" t="s">
        <v>744</v>
      </c>
      <c r="E20" s="405" t="s">
        <v>1208</v>
      </c>
      <c r="F20" s="405"/>
      <c r="G20" s="167"/>
    </row>
    <row r="21" spans="3:7" ht="18" customHeight="1">
      <c r="C21" s="507" t="s">
        <v>1210</v>
      </c>
      <c r="D21" s="508"/>
      <c r="E21" s="509" t="s">
        <v>745</v>
      </c>
      <c r="F21" s="509"/>
      <c r="G21" s="510"/>
    </row>
    <row r="22" spans="3:7" ht="18" customHeight="1">
      <c r="C22" s="165" t="s">
        <v>747</v>
      </c>
      <c r="E22" s="166" t="s">
        <v>812</v>
      </c>
      <c r="G22" s="167"/>
    </row>
    <row r="23" spans="3:7" ht="18" customHeight="1">
      <c r="C23" s="165" t="s">
        <v>748</v>
      </c>
      <c r="E23" s="511" t="s">
        <v>811</v>
      </c>
      <c r="G23" s="167"/>
    </row>
    <row r="24" spans="3:7" ht="18" customHeight="1">
      <c r="C24" s="165" t="s">
        <v>749</v>
      </c>
      <c r="E24" s="565" t="s">
        <v>851</v>
      </c>
      <c r="G24" s="167"/>
    </row>
    <row r="25" spans="3:7" ht="18" customHeight="1">
      <c r="C25" s="165" t="s">
        <v>847</v>
      </c>
      <c r="E25" s="565" t="s">
        <v>1206</v>
      </c>
      <c r="G25" s="167"/>
    </row>
    <row r="26" spans="3:7" ht="18" customHeight="1">
      <c r="C26" s="165" t="s">
        <v>848</v>
      </c>
      <c r="E26" s="565" t="s">
        <v>1207</v>
      </c>
      <c r="G26" s="167"/>
    </row>
    <row r="27" spans="3:7" ht="18" customHeight="1">
      <c r="C27" s="507" t="s">
        <v>1211</v>
      </c>
      <c r="D27" s="508"/>
      <c r="E27" s="509" t="s">
        <v>915</v>
      </c>
      <c r="F27" s="509"/>
      <c r="G27" s="510"/>
    </row>
    <row r="28" spans="3:7" ht="18" customHeight="1">
      <c r="C28" s="165" t="s">
        <v>750</v>
      </c>
      <c r="E28" s="405" t="s">
        <v>509</v>
      </c>
      <c r="F28" s="405"/>
      <c r="G28" s="406"/>
    </row>
    <row r="29" spans="3:7" ht="18" customHeight="1">
      <c r="C29" s="165" t="s">
        <v>751</v>
      </c>
      <c r="E29" s="405" t="s">
        <v>201</v>
      </c>
      <c r="F29" s="405"/>
      <c r="G29" s="406"/>
    </row>
    <row r="30" spans="3:7" ht="18" customHeight="1">
      <c r="C30" s="165" t="s">
        <v>752</v>
      </c>
      <c r="E30" s="405" t="s">
        <v>554</v>
      </c>
      <c r="F30" s="405"/>
      <c r="G30" s="406"/>
    </row>
    <row r="31" spans="3:7" ht="18" customHeight="1">
      <c r="C31" s="507" t="s">
        <v>520</v>
      </c>
      <c r="D31" s="508"/>
      <c r="E31" s="509" t="s">
        <v>541</v>
      </c>
      <c r="F31" s="509"/>
      <c r="G31" s="510"/>
    </row>
    <row r="32" spans="3:7" ht="18" customHeight="1">
      <c r="C32" s="168" t="s">
        <v>753</v>
      </c>
      <c r="D32" s="169"/>
      <c r="E32" s="407" t="s">
        <v>555</v>
      </c>
      <c r="F32" s="407"/>
      <c r="G32" s="408"/>
    </row>
    <row r="34" spans="1:2" ht="14.4">
      <c r="A34" s="160" t="s">
        <v>161</v>
      </c>
    </row>
    <row r="35" spans="1:2">
      <c r="B35" s="161" t="s">
        <v>162</v>
      </c>
    </row>
    <row r="36" spans="1:2">
      <c r="B36" s="161" t="s">
        <v>163</v>
      </c>
    </row>
    <row r="38" spans="1:2">
      <c r="A38" s="171" t="s">
        <v>164</v>
      </c>
    </row>
    <row r="39" spans="1:2">
      <c r="A39" s="171"/>
      <c r="B39" s="161" t="s">
        <v>374</v>
      </c>
    </row>
    <row r="40" spans="1:2">
      <c r="B40" s="161" t="s">
        <v>321</v>
      </c>
    </row>
    <row r="41" spans="1:2">
      <c r="B41" s="161" t="s">
        <v>322</v>
      </c>
    </row>
    <row r="42" spans="1:2">
      <c r="B42" s="418" t="s">
        <v>474</v>
      </c>
    </row>
    <row r="43" spans="1:2">
      <c r="B43" s="418" t="s">
        <v>386</v>
      </c>
    </row>
    <row r="45" spans="1:2">
      <c r="A45" s="171" t="s">
        <v>172</v>
      </c>
    </row>
    <row r="46" spans="1:2">
      <c r="A46" s="171"/>
      <c r="B46" s="418" t="s">
        <v>273</v>
      </c>
    </row>
    <row r="47" spans="1:2">
      <c r="B47" s="161" t="s">
        <v>173</v>
      </c>
    </row>
    <row r="48" spans="1:2">
      <c r="B48" s="161" t="s">
        <v>174</v>
      </c>
    </row>
  </sheetData>
  <customSheetViews>
    <customSheetView guid="{96F83B05-D121-40EB-85BB-212F4250A2EA}" showPageBreaks="1" fitToPage="1" printArea="1">
      <selection activeCell="F15" sqref="F15"/>
      <pageMargins left="0.39370078740157483" right="0.39370078740157483" top="0.78740157480314965" bottom="0.78740157480314965" header="0.31496062992125984" footer="0.51181102362204722"/>
      <printOptions horizontalCentered="1"/>
      <pageSetup paperSize="9" scale="99" fitToHeight="0" orientation="portrait" horizontalDpi="300" verticalDpi="300" r:id="rId1"/>
      <headerFooter alignWithMargins="0"/>
    </customSheetView>
    <customSheetView guid="{0199004E-6640-4BE5-B2D5-6A0A715378D4}" fitToPage="1">
      <selection sqref="A1:G1"/>
      <pageMargins left="0.39370078740157483" right="0.39370078740157483" top="0.78740157480314965" bottom="0.78740157480314965" header="0.31496062992125984" footer="0.51181102362204722"/>
      <printOptions horizontalCentered="1"/>
      <pageSetup paperSize="9" fitToHeight="0" orientation="portrait" horizontalDpi="300" verticalDpi="300" r:id="rId2"/>
      <headerFooter alignWithMargins="0"/>
    </customSheetView>
  </customSheetViews>
  <mergeCells count="1">
    <mergeCell ref="A1:G1"/>
  </mergeCells>
  <phoneticPr fontId="7"/>
  <printOptions horizontalCentered="1"/>
  <pageMargins left="0.39370078740157483" right="0.39370078740157483" top="0.78740157480314965" bottom="0.78740157480314965" header="0.31496062992125984" footer="0.51181102362204722"/>
  <pageSetup paperSize="9" scale="78" fitToHeight="0" orientation="portrait" horizontalDpi="300" verticalDpi="300" r:id="rId3"/>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7">
    <pageSetUpPr fitToPage="1"/>
  </sheetPr>
  <dimension ref="A1:AC32"/>
  <sheetViews>
    <sheetView view="pageBreakPreview" zoomScaleNormal="100" zoomScaleSheetLayoutView="100" workbookViewId="0"/>
  </sheetViews>
  <sheetFormatPr defaultColWidth="9" defaultRowHeight="13.2"/>
  <cols>
    <col min="1" max="1" width="4.44140625" style="6" customWidth="1"/>
    <col min="2" max="2" width="7.33203125" style="6" customWidth="1"/>
    <col min="3" max="3" width="9.88671875" style="6" customWidth="1"/>
    <col min="4" max="9" width="3.6640625" style="6" customWidth="1"/>
    <col min="10" max="10" width="8.109375" style="6" customWidth="1"/>
    <col min="11" max="12" width="8.88671875" style="6" customWidth="1"/>
    <col min="13" max="13" width="4.88671875" style="6" bestFit="1" customWidth="1"/>
    <col min="14" max="15" width="6.88671875" style="6" bestFit="1" customWidth="1"/>
    <col min="16" max="17" width="7.33203125" style="6" bestFit="1" customWidth="1"/>
    <col min="18" max="19" width="6.44140625" style="6" customWidth="1"/>
    <col min="20" max="20" width="7.33203125" style="6" bestFit="1" customWidth="1"/>
    <col min="21" max="21" width="6.88671875" style="6" bestFit="1" customWidth="1"/>
    <col min="22" max="22" width="6.88671875" style="6" customWidth="1"/>
    <col min="23" max="24" width="5" style="6" bestFit="1" customWidth="1"/>
    <col min="25" max="25" width="6.44140625" style="6" bestFit="1" customWidth="1"/>
    <col min="26" max="26" width="7.33203125" style="6" bestFit="1" customWidth="1"/>
    <col min="27" max="27" width="6.88671875" style="6" bestFit="1" customWidth="1"/>
    <col min="28" max="28" width="2" style="6" customWidth="1"/>
    <col min="29" max="29" width="13.109375" style="6" customWidth="1"/>
    <col min="30" max="16384" width="9" style="6"/>
  </cols>
  <sheetData>
    <row r="1" spans="1:29" ht="20.100000000000001" customHeight="1">
      <c r="A1" s="4"/>
      <c r="B1" s="5"/>
      <c r="S1" s="75"/>
      <c r="T1" s="75"/>
      <c r="Z1" s="985" t="s">
        <v>4</v>
      </c>
      <c r="AA1" s="986"/>
    </row>
    <row r="2" spans="1:29" ht="9" customHeight="1">
      <c r="A2" s="7"/>
      <c r="B2" s="7"/>
    </row>
    <row r="3" spans="1:29" ht="19.2">
      <c r="A3" s="81" t="s">
        <v>1238</v>
      </c>
      <c r="B3" s="81"/>
      <c r="C3" s="81"/>
      <c r="D3" s="81"/>
      <c r="E3" s="81"/>
      <c r="F3" s="81"/>
      <c r="G3" s="81"/>
      <c r="H3" s="81"/>
      <c r="I3" s="81"/>
      <c r="J3" s="81"/>
      <c r="K3" s="81"/>
      <c r="L3" s="81"/>
      <c r="M3" s="81"/>
      <c r="N3" s="81"/>
      <c r="O3" s="81"/>
      <c r="P3" s="81"/>
      <c r="Q3" s="81"/>
      <c r="R3" s="81"/>
      <c r="S3" s="81"/>
      <c r="T3" s="81"/>
      <c r="U3" s="81"/>
      <c r="V3" s="81"/>
      <c r="W3" s="82"/>
      <c r="X3" s="82"/>
      <c r="Y3" s="82"/>
      <c r="Z3" s="82"/>
      <c r="AA3" s="82"/>
      <c r="AB3" s="82"/>
    </row>
    <row r="4" spans="1:29" ht="13.8">
      <c r="A4" s="7"/>
      <c r="B4" s="7"/>
    </row>
    <row r="5" spans="1:29" ht="13.8" thickBot="1">
      <c r="A5" s="436" t="s">
        <v>616</v>
      </c>
      <c r="B5" s="323"/>
      <c r="C5" s="65"/>
      <c r="D5" s="65"/>
      <c r="E5" s="65"/>
      <c r="F5" s="65"/>
      <c r="G5" s="65"/>
      <c r="H5" s="65"/>
      <c r="I5" s="65"/>
      <c r="J5" s="65"/>
      <c r="K5" s="65"/>
      <c r="L5" s="65"/>
      <c r="M5" s="65"/>
      <c r="N5" s="65"/>
      <c r="P5" s="76"/>
      <c r="Q5" s="76"/>
      <c r="S5" s="96" t="s">
        <v>91</v>
      </c>
      <c r="T5" s="996" t="str">
        <f>【調達機関情報】!D69</f>
        <v>　</v>
      </c>
      <c r="U5" s="997"/>
      <c r="V5" s="997"/>
      <c r="W5" s="997"/>
      <c r="X5" s="997"/>
      <c r="Y5" s="997"/>
      <c r="Z5" s="997"/>
      <c r="AA5" s="997"/>
    </row>
    <row r="6" spans="1:29" ht="13.8" thickBot="1">
      <c r="A6" s="449" t="s">
        <v>639</v>
      </c>
      <c r="B6" s="450"/>
      <c r="C6" s="450"/>
      <c r="D6" s="450"/>
      <c r="E6" s="450"/>
      <c r="F6" s="450"/>
      <c r="G6" s="450"/>
      <c r="H6" s="450"/>
      <c r="I6" s="450"/>
      <c r="J6" s="450"/>
      <c r="K6" s="450"/>
      <c r="L6" s="327"/>
    </row>
    <row r="7" spans="1:29" ht="13.8">
      <c r="A7" s="57"/>
      <c r="B7" s="7"/>
      <c r="P7" s="8"/>
      <c r="Q7" s="8"/>
      <c r="R7" s="8"/>
      <c r="S7" s="76"/>
      <c r="T7" s="76"/>
    </row>
    <row r="8" spans="1:29" ht="13.35" customHeight="1">
      <c r="A8" s="998" t="s">
        <v>113</v>
      </c>
      <c r="B8" s="1001" t="s">
        <v>114</v>
      </c>
      <c r="C8" s="1002"/>
      <c r="D8" s="1002"/>
      <c r="E8" s="1002"/>
      <c r="F8" s="1002"/>
      <c r="G8" s="1002"/>
      <c r="H8" s="1002"/>
      <c r="I8" s="1002"/>
      <c r="J8" s="1002"/>
      <c r="K8" s="1002"/>
      <c r="L8" s="1002"/>
      <c r="M8" s="1003"/>
      <c r="N8" s="1001" t="s">
        <v>2</v>
      </c>
      <c r="O8" s="1002"/>
      <c r="P8" s="1002"/>
      <c r="Q8" s="1002"/>
      <c r="R8" s="1003"/>
      <c r="S8" s="987" t="s">
        <v>3</v>
      </c>
      <c r="T8" s="988"/>
      <c r="U8" s="988"/>
      <c r="V8" s="988"/>
      <c r="W8" s="988"/>
      <c r="X8" s="988"/>
      <c r="Y8" s="988"/>
      <c r="Z8" s="988"/>
      <c r="AA8" s="989"/>
    </row>
    <row r="9" spans="1:29" ht="41.25" customHeight="1">
      <c r="A9" s="999"/>
      <c r="B9" s="1004" t="s">
        <v>127</v>
      </c>
      <c r="C9" s="1006" t="s">
        <v>128</v>
      </c>
      <c r="D9" s="1008" t="s">
        <v>654</v>
      </c>
      <c r="E9" s="1009"/>
      <c r="F9" s="1009"/>
      <c r="G9" s="1009"/>
      <c r="H9" s="1009"/>
      <c r="I9" s="1009"/>
      <c r="J9" s="1010"/>
      <c r="K9" s="1006" t="s">
        <v>633</v>
      </c>
      <c r="L9" s="1006" t="s">
        <v>634</v>
      </c>
      <c r="M9" s="1011" t="s">
        <v>635</v>
      </c>
      <c r="N9" s="1004" t="s">
        <v>640</v>
      </c>
      <c r="O9" s="1006" t="s">
        <v>638</v>
      </c>
      <c r="P9" s="1013" t="s">
        <v>636</v>
      </c>
      <c r="Q9" s="1013" t="s">
        <v>637</v>
      </c>
      <c r="R9" s="1011" t="s">
        <v>268</v>
      </c>
      <c r="S9" s="990" t="s">
        <v>115</v>
      </c>
      <c r="T9" s="991"/>
      <c r="U9" s="991"/>
      <c r="V9" s="991"/>
      <c r="W9" s="991"/>
      <c r="X9" s="992"/>
      <c r="Y9" s="993" t="s">
        <v>155</v>
      </c>
      <c r="Z9" s="994"/>
      <c r="AA9" s="995"/>
    </row>
    <row r="10" spans="1:29" ht="63.45" customHeight="1">
      <c r="A10" s="1000"/>
      <c r="B10" s="1005"/>
      <c r="C10" s="1007"/>
      <c r="D10" s="463" t="s">
        <v>631</v>
      </c>
      <c r="E10" s="463" t="s">
        <v>156</v>
      </c>
      <c r="F10" s="463" t="s">
        <v>601</v>
      </c>
      <c r="G10" s="464" t="s">
        <v>632</v>
      </c>
      <c r="H10" s="465" t="s">
        <v>1347</v>
      </c>
      <c r="I10" s="463" t="s">
        <v>381</v>
      </c>
      <c r="J10" s="452" t="s">
        <v>427</v>
      </c>
      <c r="K10" s="1007"/>
      <c r="L10" s="1007"/>
      <c r="M10" s="1012"/>
      <c r="N10" s="1005"/>
      <c r="O10" s="1007"/>
      <c r="P10" s="1014"/>
      <c r="Q10" s="1014"/>
      <c r="R10" s="1012"/>
      <c r="S10" s="367" t="s">
        <v>466</v>
      </c>
      <c r="T10" s="368" t="s">
        <v>129</v>
      </c>
      <c r="U10" s="368" t="s">
        <v>130</v>
      </c>
      <c r="V10" s="368" t="s">
        <v>655</v>
      </c>
      <c r="W10" s="368" t="s">
        <v>182</v>
      </c>
      <c r="X10" s="369" t="s">
        <v>183</v>
      </c>
      <c r="Y10" s="367" t="s">
        <v>466</v>
      </c>
      <c r="Z10" s="83" t="s">
        <v>129</v>
      </c>
      <c r="AA10" s="84" t="s">
        <v>130</v>
      </c>
      <c r="AC10" s="445" t="s">
        <v>621</v>
      </c>
    </row>
    <row r="11" spans="1:29" ht="13.35" customHeight="1">
      <c r="A11" s="77">
        <v>1</v>
      </c>
      <c r="B11" s="106"/>
      <c r="C11" s="320"/>
      <c r="D11" s="320"/>
      <c r="E11" s="320"/>
      <c r="F11" s="320"/>
      <c r="G11" s="320"/>
      <c r="H11" s="320"/>
      <c r="I11" s="320"/>
      <c r="J11" s="320"/>
      <c r="K11" s="107"/>
      <c r="L11" s="107"/>
      <c r="M11" s="108"/>
      <c r="N11" s="459"/>
      <c r="O11" s="460"/>
      <c r="P11" s="460"/>
      <c r="Q11" s="460"/>
      <c r="R11" s="461"/>
      <c r="S11" s="459"/>
      <c r="T11" s="460"/>
      <c r="U11" s="460"/>
      <c r="V11" s="107"/>
      <c r="W11" s="460"/>
      <c r="X11" s="461"/>
      <c r="Y11" s="109"/>
      <c r="Z11" s="110"/>
      <c r="AA11" s="111"/>
      <c r="AB11" s="224"/>
      <c r="AC11" s="112"/>
    </row>
    <row r="12" spans="1:29" ht="13.35" customHeight="1">
      <c r="A12" s="77">
        <v>2</v>
      </c>
      <c r="B12" s="106"/>
      <c r="C12" s="320"/>
      <c r="D12" s="320"/>
      <c r="E12" s="320"/>
      <c r="F12" s="320"/>
      <c r="G12" s="320"/>
      <c r="H12" s="320"/>
      <c r="I12" s="320"/>
      <c r="J12" s="320"/>
      <c r="K12" s="107"/>
      <c r="L12" s="107"/>
      <c r="M12" s="108"/>
      <c r="N12" s="459"/>
      <c r="O12" s="460"/>
      <c r="P12" s="460"/>
      <c r="Q12" s="460"/>
      <c r="R12" s="461"/>
      <c r="S12" s="459"/>
      <c r="T12" s="460"/>
      <c r="U12" s="460"/>
      <c r="V12" s="107"/>
      <c r="W12" s="460"/>
      <c r="X12" s="461"/>
      <c r="Y12" s="109"/>
      <c r="Z12" s="110"/>
      <c r="AA12" s="111"/>
      <c r="AB12" s="224"/>
      <c r="AC12" s="112"/>
    </row>
    <row r="13" spans="1:29">
      <c r="A13" s="77">
        <v>3</v>
      </c>
      <c r="B13" s="106"/>
      <c r="C13" s="320"/>
      <c r="D13" s="320"/>
      <c r="E13" s="320"/>
      <c r="F13" s="320"/>
      <c r="G13" s="320"/>
      <c r="H13" s="320"/>
      <c r="I13" s="320"/>
      <c r="J13" s="320"/>
      <c r="K13" s="107"/>
      <c r="L13" s="107"/>
      <c r="M13" s="108"/>
      <c r="N13" s="459"/>
      <c r="O13" s="460"/>
      <c r="P13" s="460"/>
      <c r="Q13" s="460"/>
      <c r="R13" s="461"/>
      <c r="S13" s="459"/>
      <c r="T13" s="460"/>
      <c r="U13" s="460"/>
      <c r="V13" s="107"/>
      <c r="W13" s="460"/>
      <c r="X13" s="461"/>
      <c r="Y13" s="109"/>
      <c r="Z13" s="110"/>
      <c r="AA13" s="111"/>
      <c r="AB13" s="224"/>
      <c r="AC13" s="112"/>
    </row>
    <row r="14" spans="1:29">
      <c r="A14" s="77">
        <v>4</v>
      </c>
      <c r="B14" s="106"/>
      <c r="C14" s="320"/>
      <c r="D14" s="320"/>
      <c r="E14" s="320"/>
      <c r="F14" s="320"/>
      <c r="G14" s="320"/>
      <c r="H14" s="320"/>
      <c r="I14" s="320"/>
      <c r="J14" s="320"/>
      <c r="K14" s="107"/>
      <c r="L14" s="107"/>
      <c r="M14" s="108"/>
      <c r="N14" s="459"/>
      <c r="O14" s="460"/>
      <c r="P14" s="460"/>
      <c r="Q14" s="460"/>
      <c r="R14" s="461"/>
      <c r="S14" s="459"/>
      <c r="T14" s="460"/>
      <c r="U14" s="460"/>
      <c r="V14" s="107"/>
      <c r="W14" s="460"/>
      <c r="X14" s="461"/>
      <c r="Y14" s="109"/>
      <c r="Z14" s="110"/>
      <c r="AA14" s="111"/>
      <c r="AB14" s="224"/>
      <c r="AC14" s="112"/>
    </row>
    <row r="15" spans="1:29" ht="22.5" customHeight="1">
      <c r="A15" s="77">
        <v>5</v>
      </c>
      <c r="B15" s="106"/>
      <c r="C15" s="320"/>
      <c r="D15" s="320"/>
      <c r="E15" s="320"/>
      <c r="F15" s="320"/>
      <c r="G15" s="320"/>
      <c r="H15" s="320"/>
      <c r="I15" s="320"/>
      <c r="J15" s="320"/>
      <c r="K15" s="107"/>
      <c r="L15" s="107"/>
      <c r="M15" s="108"/>
      <c r="N15" s="459"/>
      <c r="O15" s="460"/>
      <c r="P15" s="460"/>
      <c r="Q15" s="460"/>
      <c r="R15" s="461"/>
      <c r="S15" s="459"/>
      <c r="T15" s="460"/>
      <c r="U15" s="460"/>
      <c r="V15" s="107"/>
      <c r="W15" s="460"/>
      <c r="X15" s="461"/>
      <c r="Y15" s="109"/>
      <c r="Z15" s="110"/>
      <c r="AA15" s="111"/>
      <c r="AB15" s="224"/>
      <c r="AC15" s="112"/>
    </row>
    <row r="16" spans="1:29">
      <c r="A16" s="77">
        <v>6</v>
      </c>
      <c r="B16" s="106"/>
      <c r="C16" s="320"/>
      <c r="D16" s="320"/>
      <c r="E16" s="320"/>
      <c r="F16" s="320"/>
      <c r="G16" s="320"/>
      <c r="H16" s="320"/>
      <c r="I16" s="320"/>
      <c r="J16" s="320"/>
      <c r="K16" s="107"/>
      <c r="L16" s="107"/>
      <c r="M16" s="108"/>
      <c r="N16" s="459"/>
      <c r="O16" s="460"/>
      <c r="P16" s="460"/>
      <c r="Q16" s="460"/>
      <c r="R16" s="461"/>
      <c r="S16" s="459"/>
      <c r="T16" s="460"/>
      <c r="U16" s="460"/>
      <c r="V16" s="107"/>
      <c r="W16" s="460"/>
      <c r="X16" s="461"/>
      <c r="Y16" s="109"/>
      <c r="Z16" s="110"/>
      <c r="AA16" s="111"/>
      <c r="AB16" s="224"/>
      <c r="AC16" s="112"/>
    </row>
    <row r="17" spans="1:29">
      <c r="A17" s="77">
        <v>7</v>
      </c>
      <c r="B17" s="106"/>
      <c r="C17" s="320"/>
      <c r="D17" s="320"/>
      <c r="E17" s="320"/>
      <c r="F17" s="320"/>
      <c r="G17" s="320"/>
      <c r="H17" s="320"/>
      <c r="I17" s="320"/>
      <c r="J17" s="320"/>
      <c r="K17" s="107"/>
      <c r="L17" s="107"/>
      <c r="M17" s="108"/>
      <c r="N17" s="459"/>
      <c r="O17" s="460"/>
      <c r="P17" s="460"/>
      <c r="Q17" s="460"/>
      <c r="R17" s="461"/>
      <c r="S17" s="459"/>
      <c r="T17" s="460"/>
      <c r="U17" s="460"/>
      <c r="V17" s="107"/>
      <c r="W17" s="460"/>
      <c r="X17" s="461"/>
      <c r="Y17" s="109"/>
      <c r="Z17" s="110"/>
      <c r="AA17" s="111"/>
      <c r="AB17" s="224"/>
      <c r="AC17" s="112"/>
    </row>
    <row r="18" spans="1:29">
      <c r="A18" s="77">
        <v>8</v>
      </c>
      <c r="B18" s="106"/>
      <c r="C18" s="107"/>
      <c r="D18" s="320"/>
      <c r="E18" s="320"/>
      <c r="F18" s="320"/>
      <c r="G18" s="320"/>
      <c r="H18" s="320"/>
      <c r="I18" s="320"/>
      <c r="J18" s="320"/>
      <c r="K18" s="107"/>
      <c r="L18" s="107"/>
      <c r="M18" s="108"/>
      <c r="N18" s="459"/>
      <c r="O18" s="460"/>
      <c r="P18" s="460"/>
      <c r="Q18" s="460"/>
      <c r="R18" s="461"/>
      <c r="S18" s="459"/>
      <c r="T18" s="460"/>
      <c r="U18" s="460"/>
      <c r="V18" s="107"/>
      <c r="W18" s="460"/>
      <c r="X18" s="461"/>
      <c r="Y18" s="109"/>
      <c r="Z18" s="110"/>
      <c r="AA18" s="111"/>
      <c r="AB18" s="224"/>
      <c r="AC18" s="112"/>
    </row>
    <row r="19" spans="1:29">
      <c r="A19" s="77">
        <v>9</v>
      </c>
      <c r="B19" s="106"/>
      <c r="C19" s="107"/>
      <c r="D19" s="320"/>
      <c r="E19" s="320"/>
      <c r="F19" s="320"/>
      <c r="G19" s="320"/>
      <c r="H19" s="320"/>
      <c r="I19" s="320"/>
      <c r="J19" s="320"/>
      <c r="K19" s="107"/>
      <c r="L19" s="107"/>
      <c r="M19" s="108"/>
      <c r="N19" s="459"/>
      <c r="O19" s="460"/>
      <c r="P19" s="460"/>
      <c r="Q19" s="460"/>
      <c r="R19" s="461"/>
      <c r="S19" s="459"/>
      <c r="T19" s="460"/>
      <c r="U19" s="460"/>
      <c r="V19" s="107"/>
      <c r="W19" s="460"/>
      <c r="X19" s="461"/>
      <c r="Y19" s="109"/>
      <c r="Z19" s="110"/>
      <c r="AA19" s="111"/>
      <c r="AB19" s="224"/>
      <c r="AC19" s="112"/>
    </row>
    <row r="20" spans="1:29">
      <c r="A20" s="77">
        <v>10</v>
      </c>
      <c r="B20" s="106"/>
      <c r="C20" s="107"/>
      <c r="D20" s="320"/>
      <c r="E20" s="320"/>
      <c r="F20" s="320"/>
      <c r="G20" s="320"/>
      <c r="H20" s="320"/>
      <c r="I20" s="320"/>
      <c r="J20" s="320"/>
      <c r="K20" s="107"/>
      <c r="L20" s="107"/>
      <c r="M20" s="108"/>
      <c r="N20" s="459"/>
      <c r="O20" s="460"/>
      <c r="P20" s="460"/>
      <c r="Q20" s="460"/>
      <c r="R20" s="461"/>
      <c r="S20" s="459"/>
      <c r="T20" s="460"/>
      <c r="U20" s="460"/>
      <c r="V20" s="107"/>
      <c r="W20" s="460"/>
      <c r="X20" s="461"/>
      <c r="Y20" s="109"/>
      <c r="Z20" s="110"/>
      <c r="AA20" s="111"/>
      <c r="AB20" s="224"/>
      <c r="AC20" s="112"/>
    </row>
    <row r="21" spans="1:29">
      <c r="A21" s="77">
        <v>11</v>
      </c>
      <c r="B21" s="106"/>
      <c r="C21" s="107"/>
      <c r="D21" s="320"/>
      <c r="E21" s="320"/>
      <c r="F21" s="320"/>
      <c r="G21" s="320"/>
      <c r="H21" s="320"/>
      <c r="I21" s="320"/>
      <c r="J21" s="320"/>
      <c r="K21" s="107"/>
      <c r="L21" s="107"/>
      <c r="M21" s="108"/>
      <c r="N21" s="459"/>
      <c r="O21" s="460"/>
      <c r="P21" s="460"/>
      <c r="Q21" s="460"/>
      <c r="R21" s="461"/>
      <c r="S21" s="459"/>
      <c r="T21" s="460"/>
      <c r="U21" s="460"/>
      <c r="V21" s="107"/>
      <c r="W21" s="460"/>
      <c r="X21" s="461"/>
      <c r="Y21" s="109"/>
      <c r="Z21" s="110"/>
      <c r="AA21" s="111"/>
      <c r="AB21" s="224"/>
      <c r="AC21" s="112"/>
    </row>
    <row r="22" spans="1:29">
      <c r="A22" s="77">
        <v>12</v>
      </c>
      <c r="B22" s="106"/>
      <c r="C22" s="107"/>
      <c r="D22" s="320"/>
      <c r="E22" s="320"/>
      <c r="F22" s="320"/>
      <c r="G22" s="320"/>
      <c r="H22" s="320"/>
      <c r="I22" s="320"/>
      <c r="J22" s="320"/>
      <c r="K22" s="107"/>
      <c r="L22" s="107"/>
      <c r="M22" s="108"/>
      <c r="N22" s="459"/>
      <c r="O22" s="460"/>
      <c r="P22" s="460"/>
      <c r="Q22" s="460"/>
      <c r="R22" s="461"/>
      <c r="S22" s="459"/>
      <c r="T22" s="460"/>
      <c r="U22" s="460"/>
      <c r="V22" s="107"/>
      <c r="W22" s="460"/>
      <c r="X22" s="461"/>
      <c r="Y22" s="109"/>
      <c r="Z22" s="110"/>
      <c r="AA22" s="111"/>
      <c r="AB22" s="224"/>
      <c r="AC22" s="112"/>
    </row>
    <row r="23" spans="1:29">
      <c r="A23" s="77">
        <v>13</v>
      </c>
      <c r="B23" s="106"/>
      <c r="C23" s="107"/>
      <c r="D23" s="320"/>
      <c r="E23" s="320"/>
      <c r="F23" s="320"/>
      <c r="G23" s="320"/>
      <c r="H23" s="320"/>
      <c r="I23" s="320"/>
      <c r="J23" s="320"/>
      <c r="K23" s="107"/>
      <c r="L23" s="107"/>
      <c r="M23" s="108"/>
      <c r="N23" s="459"/>
      <c r="O23" s="460"/>
      <c r="P23" s="460"/>
      <c r="Q23" s="460"/>
      <c r="R23" s="461"/>
      <c r="S23" s="459"/>
      <c r="T23" s="460"/>
      <c r="U23" s="460"/>
      <c r="V23" s="107"/>
      <c r="W23" s="460"/>
      <c r="X23" s="461"/>
      <c r="Y23" s="109"/>
      <c r="Z23" s="110"/>
      <c r="AA23" s="111"/>
      <c r="AB23" s="224"/>
      <c r="AC23" s="112"/>
    </row>
    <row r="24" spans="1:29">
      <c r="A24" s="77">
        <v>14</v>
      </c>
      <c r="B24" s="106"/>
      <c r="C24" s="107"/>
      <c r="D24" s="320"/>
      <c r="E24" s="320"/>
      <c r="F24" s="320"/>
      <c r="G24" s="320"/>
      <c r="H24" s="320"/>
      <c r="I24" s="320"/>
      <c r="J24" s="320"/>
      <c r="K24" s="107"/>
      <c r="L24" s="107"/>
      <c r="M24" s="108"/>
      <c r="N24" s="459"/>
      <c r="O24" s="460"/>
      <c r="P24" s="460"/>
      <c r="Q24" s="460"/>
      <c r="R24" s="461"/>
      <c r="S24" s="459"/>
      <c r="T24" s="460"/>
      <c r="U24" s="460"/>
      <c r="V24" s="107"/>
      <c r="W24" s="460"/>
      <c r="X24" s="461"/>
      <c r="Y24" s="109"/>
      <c r="Z24" s="110"/>
      <c r="AA24" s="111"/>
      <c r="AB24" s="224"/>
      <c r="AC24" s="112"/>
    </row>
    <row r="25" spans="1:29">
      <c r="A25" s="77">
        <v>15</v>
      </c>
      <c r="B25" s="106"/>
      <c r="C25" s="107"/>
      <c r="D25" s="320"/>
      <c r="E25" s="320"/>
      <c r="F25" s="320"/>
      <c r="G25" s="320"/>
      <c r="H25" s="320"/>
      <c r="I25" s="320"/>
      <c r="J25" s="320"/>
      <c r="K25" s="107"/>
      <c r="L25" s="107"/>
      <c r="M25" s="108"/>
      <c r="N25" s="459"/>
      <c r="O25" s="460"/>
      <c r="P25" s="460"/>
      <c r="Q25" s="460"/>
      <c r="R25" s="461"/>
      <c r="S25" s="459"/>
      <c r="T25" s="460"/>
      <c r="U25" s="460"/>
      <c r="V25" s="107"/>
      <c r="W25" s="460"/>
      <c r="X25" s="461"/>
      <c r="Y25" s="109"/>
      <c r="Z25" s="110"/>
      <c r="AA25" s="111"/>
      <c r="AB25" s="224"/>
      <c r="AC25" s="112"/>
    </row>
    <row r="26" spans="1:29">
      <c r="A26" s="78" t="s">
        <v>117</v>
      </c>
      <c r="B26" s="6" t="s">
        <v>121</v>
      </c>
      <c r="C26" s="79"/>
      <c r="D26" s="80" t="s">
        <v>116</v>
      </c>
      <c r="E26" s="80"/>
      <c r="F26" s="80"/>
      <c r="G26" s="80"/>
      <c r="H26" s="80"/>
      <c r="I26" s="80"/>
      <c r="J26" s="80"/>
      <c r="K26" s="79"/>
      <c r="L26" s="79"/>
      <c r="M26" s="79"/>
      <c r="N26" s="79"/>
      <c r="O26" s="79"/>
      <c r="P26" s="79"/>
      <c r="Q26" s="79"/>
      <c r="R26" s="79"/>
      <c r="S26" s="79"/>
      <c r="T26" s="79"/>
      <c r="U26" s="79"/>
      <c r="V26" s="79"/>
      <c r="W26" s="79"/>
      <c r="X26" s="79"/>
      <c r="Y26" s="79"/>
      <c r="Z26" s="79"/>
      <c r="AA26" s="79"/>
      <c r="AC26" s="89"/>
    </row>
    <row r="27" spans="1:29">
      <c r="A27" s="78" t="s">
        <v>119</v>
      </c>
      <c r="B27" s="6" t="s">
        <v>122</v>
      </c>
      <c r="C27" s="79"/>
      <c r="D27" s="80" t="s">
        <v>118</v>
      </c>
      <c r="E27" s="80"/>
      <c r="F27" s="80"/>
      <c r="G27" s="80"/>
      <c r="H27" s="80"/>
      <c r="I27" s="80"/>
      <c r="J27" s="80"/>
      <c r="K27" s="79"/>
      <c r="L27" s="79"/>
      <c r="M27" s="79"/>
      <c r="N27" s="79"/>
      <c r="O27" s="79"/>
      <c r="P27" s="79"/>
      <c r="Q27" s="79"/>
      <c r="R27" s="79"/>
      <c r="S27" s="79"/>
      <c r="T27" s="79"/>
      <c r="U27" s="79"/>
      <c r="V27" s="79"/>
      <c r="W27" s="79"/>
      <c r="X27" s="79"/>
      <c r="Y27" s="79"/>
      <c r="Z27" s="79"/>
      <c r="AA27" s="79"/>
    </row>
    <row r="28" spans="1:29">
      <c r="A28" s="78" t="s">
        <v>120</v>
      </c>
      <c r="B28" s="402" t="s">
        <v>656</v>
      </c>
      <c r="C28" s="79"/>
      <c r="D28" s="80" t="s">
        <v>653</v>
      </c>
      <c r="E28" s="80"/>
      <c r="F28" s="80"/>
      <c r="G28" s="80"/>
      <c r="H28" s="80"/>
      <c r="I28" s="80"/>
      <c r="J28" s="80"/>
      <c r="K28" s="79"/>
      <c r="L28" s="79"/>
      <c r="M28" s="79"/>
      <c r="N28" s="79"/>
      <c r="O28" s="79"/>
      <c r="P28" s="79"/>
      <c r="Q28" s="79"/>
      <c r="R28" s="79"/>
      <c r="S28" s="79"/>
      <c r="T28" s="79"/>
      <c r="U28" s="79"/>
      <c r="V28" s="79"/>
      <c r="W28" s="79"/>
      <c r="X28" s="79"/>
      <c r="Y28" s="79"/>
      <c r="Z28" s="79"/>
      <c r="AA28" s="79"/>
    </row>
    <row r="29" spans="1:29" ht="13.8">
      <c r="A29" s="65" t="s">
        <v>177</v>
      </c>
      <c r="B29" s="65" t="s">
        <v>178</v>
      </c>
      <c r="C29" s="65"/>
      <c r="D29" s="65" t="s">
        <v>179</v>
      </c>
      <c r="E29" s="65"/>
      <c r="F29" s="65"/>
      <c r="G29" s="65"/>
      <c r="H29" s="65"/>
      <c r="I29" s="65"/>
      <c r="J29" s="65"/>
      <c r="K29" s="172"/>
      <c r="L29" s="173"/>
      <c r="M29" s="173"/>
    </row>
    <row r="30" spans="1:29" ht="13.8">
      <c r="A30" s="65" t="s">
        <v>180</v>
      </c>
      <c r="B30" s="65" t="s">
        <v>123</v>
      </c>
      <c r="C30" s="172"/>
      <c r="D30" s="65" t="s">
        <v>125</v>
      </c>
      <c r="E30" s="65"/>
      <c r="F30" s="65"/>
      <c r="G30" s="65"/>
      <c r="H30" s="65"/>
      <c r="I30" s="65"/>
      <c r="J30" s="65"/>
      <c r="K30" s="172"/>
      <c r="L30" s="173"/>
      <c r="M30" s="173"/>
    </row>
    <row r="31" spans="1:29" ht="13.8">
      <c r="A31" s="65" t="s">
        <v>181</v>
      </c>
      <c r="B31" s="65" t="s">
        <v>124</v>
      </c>
      <c r="C31" s="172"/>
      <c r="D31" s="65" t="s">
        <v>126</v>
      </c>
      <c r="E31" s="65"/>
      <c r="F31" s="65"/>
      <c r="G31" s="65"/>
      <c r="H31" s="65"/>
      <c r="I31" s="65"/>
      <c r="J31" s="65"/>
      <c r="K31" s="172"/>
      <c r="L31" s="173"/>
      <c r="M31" s="173"/>
    </row>
    <row r="32" spans="1:29" ht="13.8">
      <c r="A32" s="402" t="s">
        <v>505</v>
      </c>
      <c r="B32" s="366" t="s">
        <v>450</v>
      </c>
      <c r="C32" s="366"/>
      <c r="D32" s="366" t="s">
        <v>451</v>
      </c>
      <c r="E32" s="366"/>
      <c r="F32" s="366"/>
      <c r="G32" s="366"/>
      <c r="H32" s="366"/>
      <c r="I32" s="366"/>
      <c r="J32" s="366"/>
    </row>
  </sheetData>
  <sheetProtection insertRows="0"/>
  <customSheetViews>
    <customSheetView guid="{96F83B05-D121-40EB-85BB-212F4250A2EA}" showPageBreaks="1" fitToPage="1" printArea="1" view="pageBreakPreview">
      <pageMargins left="0.59055118110236227" right="0.39370078740157483" top="0.78740157480314965" bottom="0.78740157480314965" header="0.51181102362204722" footer="0.51181102362204722"/>
      <pageSetup paperSize="9" scale="96" fitToHeight="0" orientation="landscape" r:id="rId1"/>
      <headerFooter alignWithMargins="0"/>
    </customSheetView>
    <customSheetView guid="{0199004E-6640-4BE5-B2D5-6A0A715378D4}" showPageBreaks="1" fitToPage="1" printArea="1" view="pageBreakPreview">
      <pageMargins left="0.59055118110236227" right="0.39370078740157483" top="0.78740157480314965" bottom="0.78740157480314965" header="0.51181102362204722" footer="0.51181102362204722"/>
      <pageSetup paperSize="9" scale="96" fitToHeight="0" orientation="landscape" r:id="rId2"/>
      <headerFooter alignWithMargins="0"/>
    </customSheetView>
  </customSheetViews>
  <mergeCells count="19">
    <mergeCell ref="A8:A10"/>
    <mergeCell ref="N8:R8"/>
    <mergeCell ref="B8:M8"/>
    <mergeCell ref="B9:B10"/>
    <mergeCell ref="C9:C10"/>
    <mergeCell ref="K9:K10"/>
    <mergeCell ref="L9:L10"/>
    <mergeCell ref="D9:J9"/>
    <mergeCell ref="M9:M10"/>
    <mergeCell ref="N9:N10"/>
    <mergeCell ref="O9:O10"/>
    <mergeCell ref="P9:P10"/>
    <mergeCell ref="Q9:Q10"/>
    <mergeCell ref="R9:R10"/>
    <mergeCell ref="Z1:AA1"/>
    <mergeCell ref="S8:AA8"/>
    <mergeCell ref="S9:X9"/>
    <mergeCell ref="Y9:AA9"/>
    <mergeCell ref="T5:AA5"/>
  </mergeCells>
  <phoneticPr fontId="7"/>
  <dataValidations xWindow="142" yWindow="358" count="9">
    <dataValidation type="list" allowBlank="1" showInputMessage="1" showErrorMessage="1" prompt="「購入」か「賃貸借」かを選択する。" sqref="B11:B25" xr:uid="{00000000-0002-0000-0900-000000000000}">
      <formula1>"購入,賃貸借"</formula1>
    </dataValidation>
    <dataValidation type="list" allowBlank="1" showInputMessage="1" showErrorMessage="1" sqref="L6" xr:uid="{00000000-0002-0000-0900-000001000000}">
      <formula1>"実績なし"</formula1>
    </dataValidation>
    <dataValidation allowBlank="1" showInputMessage="1" showErrorMessage="1" prompt="「乗用車」又は「貨物車」と記入する。_x000a_その他の場合は具体的に記入する。" sqref="C11:C25" xr:uid="{00000000-0002-0000-0900-000002000000}"/>
    <dataValidation type="decimal" operator="greaterThanOrEqual" allowBlank="1" showInputMessage="1" showErrorMessage="1" sqref="K11:U25 W11:X25" xr:uid="{00000000-0002-0000-0900-000003000000}">
      <formula1>0</formula1>
    </dataValidation>
    <dataValidation type="decimal" operator="greaterThanOrEqual" allowBlank="1" showInputMessage="1" showErrorMessage="1" prompt="最低価格を提示したが落札できなかった車の詳細を記入する。_x000a_左の価格順位欄が「１」以外の場合に該当する。" sqref="Y11:AA25" xr:uid="{00000000-0002-0000-0900-000004000000}">
      <formula1>0</formula1>
    </dataValidation>
    <dataValidation type="list" allowBlank="1" showInputMessage="1" showErrorMessage="1" prompt="燃料種を仕様書に明記しない場合はこの欄に○印を記入する。" sqref="D11:D25" xr:uid="{00000000-0002-0000-0900-000005000000}">
      <formula1>"○"</formula1>
    </dataValidation>
    <dataValidation type="list" allowBlank="1" showInputMessage="1" showErrorMessage="1" prompt="燃料種を指定した場合は該当欄に○印を記入" sqref="E11:I25" xr:uid="{00000000-0002-0000-0900-000006000000}">
      <formula1>"○"</formula1>
    </dataValidation>
    <dataValidation allowBlank="1" showInputMessage="1" showErrorMessage="1" prompt="「その他」の内容を具体的に記入する。" sqref="J11:J25" xr:uid="{00000000-0002-0000-0900-000007000000}"/>
    <dataValidation type="list" operator="greaterThanOrEqual" allowBlank="1" showInputMessage="1" showErrorMessage="1" sqref="V11:V25" xr:uid="{00000000-0002-0000-0900-000008000000}">
      <formula1>$E$10:$I$10</formula1>
    </dataValidation>
  </dataValidations>
  <pageMargins left="0.59055118110236227" right="0.39370078740157483" top="0.78740157480314965" bottom="0.78740157480314965" header="0.51181102362204722" footer="0.51181102362204722"/>
  <pageSetup paperSize="9" scale="82" fitToHeight="0" orientation="landscape" r:id="rId3"/>
  <headerFooter alignWithMargins="0"/>
  <ignoredErrors>
    <ignoredError sqref="T5" unlockedFormula="1"/>
  </ignoredError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8"/>
  <dimension ref="A1:F27"/>
  <sheetViews>
    <sheetView view="pageBreakPreview" zoomScale="115" zoomScaleNormal="100" zoomScaleSheetLayoutView="115" workbookViewId="0"/>
  </sheetViews>
  <sheetFormatPr defaultRowHeight="13.2"/>
  <cols>
    <col min="2" max="3" width="25.6640625" customWidth="1"/>
    <col min="4" max="4" width="7.44140625" customWidth="1"/>
    <col min="5" max="5" width="9.109375" customWidth="1"/>
    <col min="6" max="6" width="11.109375" customWidth="1"/>
  </cols>
  <sheetData>
    <row r="1" spans="1:6" ht="20.100000000000001" customHeight="1">
      <c r="F1" s="91" t="s">
        <v>95</v>
      </c>
    </row>
    <row r="2" spans="1:6">
      <c r="F2" s="73"/>
    </row>
    <row r="3" spans="1:6" ht="16.2">
      <c r="A3" s="385" t="s">
        <v>1239</v>
      </c>
      <c r="B3" s="64"/>
      <c r="C3" s="64"/>
      <c r="D3" s="64"/>
      <c r="E3" s="64"/>
      <c r="F3" s="64"/>
    </row>
    <row r="4" spans="1:6" s="52" customFormat="1"/>
    <row r="5" spans="1:6" s="52" customFormat="1">
      <c r="C5" s="94" t="s">
        <v>91</v>
      </c>
      <c r="D5" s="1024" t="str">
        <f>【調達機関情報】!D69</f>
        <v>　</v>
      </c>
      <c r="E5" s="1025"/>
      <c r="F5" s="1025"/>
    </row>
    <row r="7" spans="1:6" ht="16.350000000000001" customHeight="1" thickBot="1">
      <c r="A7" s="9" t="s">
        <v>94</v>
      </c>
    </row>
    <row r="8" spans="1:6" s="2" customFormat="1" ht="39" customHeight="1" thickBot="1">
      <c r="A8" s="11"/>
      <c r="B8" s="1029" t="s">
        <v>622</v>
      </c>
      <c r="C8" s="1030"/>
      <c r="D8" s="1030"/>
      <c r="E8" s="1030"/>
      <c r="F8" s="1031"/>
    </row>
    <row r="9" spans="1:6" ht="20.25" customHeight="1" thickTop="1">
      <c r="A9" s="9"/>
      <c r="B9" s="437" t="s">
        <v>194</v>
      </c>
      <c r="C9" s="438" t="s">
        <v>571</v>
      </c>
      <c r="D9" s="1040" t="s">
        <v>572</v>
      </c>
      <c r="E9" s="1041"/>
      <c r="F9" s="1042"/>
    </row>
    <row r="10" spans="1:6" ht="36.75" customHeight="1">
      <c r="A10" s="9"/>
      <c r="B10" s="439" t="s">
        <v>548</v>
      </c>
      <c r="C10" s="440" t="s">
        <v>570</v>
      </c>
      <c r="D10" s="1037" t="s">
        <v>573</v>
      </c>
      <c r="E10" s="1038"/>
      <c r="F10" s="1039"/>
    </row>
    <row r="11" spans="1:6" s="2" customFormat="1" ht="26.25" customHeight="1" thickBot="1">
      <c r="A11" s="11"/>
      <c r="B11" s="97">
        <v>0</v>
      </c>
      <c r="C11" s="298">
        <v>0</v>
      </c>
      <c r="D11" s="1032">
        <v>0</v>
      </c>
      <c r="E11" s="1033"/>
      <c r="F11" s="1034"/>
    </row>
    <row r="12" spans="1:6" ht="14.4">
      <c r="A12" s="9"/>
    </row>
    <row r="14" spans="1:6" ht="16.350000000000001" customHeight="1" thickBot="1">
      <c r="A14" s="1028" t="s">
        <v>544</v>
      </c>
      <c r="B14" s="1028"/>
      <c r="C14" s="1028"/>
      <c r="D14" s="1028"/>
      <c r="E14" s="1028"/>
      <c r="F14" s="1028"/>
    </row>
    <row r="15" spans="1:6" ht="13.8" thickBot="1">
      <c r="B15" s="1022" t="s">
        <v>92</v>
      </c>
      <c r="C15" s="1023"/>
      <c r="D15" s="60" t="s">
        <v>93</v>
      </c>
    </row>
    <row r="16" spans="1:6" ht="28.35" customHeight="1" thickTop="1">
      <c r="B16" s="1020" t="s">
        <v>499</v>
      </c>
      <c r="C16" s="1021"/>
      <c r="D16" s="104"/>
    </row>
    <row r="17" spans="1:5" ht="28.35" customHeight="1">
      <c r="B17" s="1018" t="s">
        <v>498</v>
      </c>
      <c r="C17" s="1019"/>
      <c r="D17" s="105"/>
    </row>
    <row r="18" spans="1:5" ht="28.35" customHeight="1" thickBot="1">
      <c r="B18" s="1035" t="s">
        <v>96</v>
      </c>
      <c r="C18" s="1036"/>
      <c r="D18" s="419"/>
    </row>
    <row r="19" spans="1:5" ht="28.35" customHeight="1" thickBot="1">
      <c r="B19" s="1026" t="s">
        <v>244</v>
      </c>
      <c r="C19" s="1027"/>
      <c r="D19" s="422">
        <f>SUM(D16:D18)</f>
        <v>0</v>
      </c>
    </row>
    <row r="20" spans="1:5">
      <c r="B20" s="423" t="s">
        <v>542</v>
      </c>
      <c r="C20" s="420"/>
      <c r="D20" s="421"/>
    </row>
    <row r="22" spans="1:5" ht="13.8" thickBot="1">
      <c r="B22" t="s">
        <v>97</v>
      </c>
    </row>
    <row r="23" spans="1:5" ht="36" customHeight="1" thickBot="1">
      <c r="B23" s="1015"/>
      <c r="C23" s="1016"/>
      <c r="D23" s="1016"/>
      <c r="E23" s="1017"/>
    </row>
    <row r="26" spans="1:5" ht="16.350000000000001" customHeight="1" thickBot="1">
      <c r="A26" s="9" t="s">
        <v>98</v>
      </c>
    </row>
    <row r="27" spans="1:5" ht="30.75" customHeight="1" thickBot="1">
      <c r="B27" s="1015"/>
      <c r="C27" s="1016"/>
      <c r="D27" s="1016"/>
      <c r="E27" s="1017"/>
    </row>
  </sheetData>
  <customSheetViews>
    <customSheetView guid="{96F83B05-D121-40EB-85BB-212F4250A2EA}">
      <selection activeCell="B3" sqref="B3"/>
      <pageMargins left="0.59055118110236227" right="0.59055118110236227" top="0.59055118110236227" bottom="0.59055118110236227" header="0.51181102362204722" footer="0.51181102362204722"/>
      <pageSetup paperSize="9" orientation="portrait" r:id="rId1"/>
      <headerFooter alignWithMargins="0"/>
    </customSheetView>
    <customSheetView guid="{0199004E-6640-4BE5-B2D5-6A0A715378D4}">
      <pageMargins left="0.59055118110236227" right="0.59055118110236227" top="0.59055118110236227" bottom="0.59055118110236227" header="0.51181102362204722" footer="0.51181102362204722"/>
      <pageSetup paperSize="9" orientation="portrait" r:id="rId2"/>
      <headerFooter alignWithMargins="0"/>
    </customSheetView>
  </customSheetViews>
  <mergeCells count="13">
    <mergeCell ref="D5:F5"/>
    <mergeCell ref="B19:C19"/>
    <mergeCell ref="A14:F14"/>
    <mergeCell ref="B8:F8"/>
    <mergeCell ref="D11:F11"/>
    <mergeCell ref="B18:C18"/>
    <mergeCell ref="D10:F10"/>
    <mergeCell ref="D9:F9"/>
    <mergeCell ref="B23:E23"/>
    <mergeCell ref="B27:E27"/>
    <mergeCell ref="B17:C17"/>
    <mergeCell ref="B16:C16"/>
    <mergeCell ref="B15:C15"/>
  </mergeCells>
  <phoneticPr fontId="7"/>
  <dataValidations count="5">
    <dataValidation type="decimal" operator="greaterThanOrEqual" allowBlank="1" showInputMessage="1" showErrorMessage="1" prompt="(a)のうち、プロポーザル方式を実施した件数を記入する。_x000a_0以上の数値が記入可。" sqref="C11" xr:uid="{00000000-0002-0000-0A00-000000000000}">
      <formula1>0</formula1>
    </dataValidation>
    <dataValidation type="decimal" operator="greaterThanOrEqual" allowBlank="1" showInputMessage="1" showErrorMessage="1" prompt="該当する契約件数を記入する。隻数ではない。" sqref="D16:D18" xr:uid="{00000000-0002-0000-0A00-000001000000}">
      <formula1>0</formula1>
    </dataValidation>
    <dataValidation type="decimal" operator="greaterThanOrEqual" allowBlank="1" showInputMessage="1" showErrorMessage="1" prompt="船舶の概略設計又は基本設計の件数を記入する。_x000a_0以上の数値が記入可。" sqref="B11" xr:uid="{00000000-0002-0000-0A00-000002000000}">
      <formula1>0</formula1>
    </dataValidation>
    <dataValidation type="whole" operator="greaterThanOrEqual" allowBlank="1" showInputMessage="1" showErrorMessage="1" prompt="(b)のうち、環境配慮型船舶プロポーザル方式を実施した件数を記入する。_x000a_0以上の数値が記入可。" sqref="D11:F11" xr:uid="{00000000-0002-0000-0A00-000003000000}">
      <formula1>0</formula1>
    </dataValidation>
    <dataValidation operator="greaterThanOrEqual" allowBlank="1" showErrorMessage="1" sqref="D19:D20" xr:uid="{00000000-0002-0000-0A00-000004000000}"/>
  </dataValidations>
  <pageMargins left="0.59055118110236227" right="0.59055118110236227" top="0.59055118110236227" bottom="0.59055118110236227" header="0.51181102362204722" footer="0.51181102362204722"/>
  <pageSetup paperSize="9" orientation="portrait" r:id="rId3"/>
  <headerFooter alignWithMargins="0"/>
  <ignoredErrors>
    <ignoredError sqref="D5" unlockedFormula="1"/>
  </ignoredErrors>
  <drawing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9"/>
  <dimension ref="A1:K33"/>
  <sheetViews>
    <sheetView view="pageBreakPreview" zoomScaleNormal="100" zoomScaleSheetLayoutView="100" workbookViewId="0"/>
  </sheetViews>
  <sheetFormatPr defaultRowHeight="13.2"/>
  <cols>
    <col min="1" max="1" width="5.33203125" customWidth="1"/>
    <col min="2" max="2" width="10.109375" customWidth="1"/>
    <col min="3" max="3" width="5.109375" bestFit="1" customWidth="1"/>
    <col min="4" max="4" width="5.88671875" customWidth="1"/>
    <col min="5" max="5" width="11.88671875" customWidth="1"/>
    <col min="6" max="6" width="8.6640625" bestFit="1" customWidth="1"/>
    <col min="7" max="8" width="5.109375" bestFit="1" customWidth="1"/>
    <col min="9" max="9" width="7.109375" bestFit="1" customWidth="1"/>
    <col min="10" max="10" width="13.33203125" customWidth="1"/>
    <col min="11" max="11" width="18.88671875" bestFit="1" customWidth="1"/>
  </cols>
  <sheetData>
    <row r="1" spans="1:11" ht="20.100000000000001" customHeight="1">
      <c r="K1" s="91" t="s">
        <v>99</v>
      </c>
    </row>
    <row r="2" spans="1:11">
      <c r="K2" s="73"/>
    </row>
    <row r="3" spans="1:11" ht="19.2">
      <c r="A3" s="63" t="s">
        <v>1240</v>
      </c>
      <c r="B3" s="64"/>
      <c r="C3" s="64"/>
      <c r="D3" s="64"/>
      <c r="E3" s="64"/>
      <c r="F3" s="64"/>
      <c r="G3" s="64"/>
      <c r="H3" s="64"/>
      <c r="I3" s="64"/>
      <c r="J3" s="64"/>
      <c r="K3" s="64"/>
    </row>
    <row r="5" spans="1:11">
      <c r="H5" s="363" t="s">
        <v>91</v>
      </c>
      <c r="I5" s="968" t="str">
        <f>【調達機関情報】!D69</f>
        <v>　</v>
      </c>
      <c r="J5" s="968"/>
      <c r="K5" s="968"/>
    </row>
    <row r="7" spans="1:11" ht="31.35" customHeight="1" thickBot="1">
      <c r="A7" s="1055" t="s">
        <v>618</v>
      </c>
      <c r="B7" s="1055"/>
      <c r="C7" s="1055"/>
      <c r="D7" s="1055"/>
      <c r="E7" s="1055"/>
      <c r="F7" s="1055"/>
      <c r="G7" s="1055"/>
      <c r="H7" s="1055"/>
      <c r="I7" s="1055"/>
      <c r="J7" s="1055"/>
      <c r="K7" s="1055"/>
    </row>
    <row r="8" spans="1:11" ht="13.8" thickBot="1">
      <c r="A8" s="1043" t="s">
        <v>845</v>
      </c>
      <c r="B8" s="1044"/>
      <c r="C8" s="1044"/>
      <c r="D8" s="1044"/>
      <c r="E8" s="1044"/>
      <c r="F8" s="1044"/>
      <c r="G8" s="1044"/>
      <c r="H8" s="1044"/>
      <c r="I8" s="1044"/>
      <c r="J8" s="1045"/>
      <c r="K8" s="328"/>
    </row>
    <row r="9" spans="1:11" ht="13.8">
      <c r="A9" s="65"/>
      <c r="B9" s="7"/>
      <c r="C9" s="7"/>
      <c r="D9" s="6"/>
      <c r="E9" s="6"/>
      <c r="F9" s="6"/>
      <c r="G9" s="6"/>
      <c r="H9" s="6"/>
      <c r="I9" s="6"/>
      <c r="J9" s="6"/>
      <c r="K9" s="58"/>
    </row>
    <row r="10" spans="1:11" ht="13.8">
      <c r="A10" s="6" t="s">
        <v>107</v>
      </c>
      <c r="B10" s="7"/>
      <c r="C10" s="7"/>
      <c r="D10" s="6" t="s">
        <v>105</v>
      </c>
      <c r="E10" s="6"/>
      <c r="F10" s="6"/>
      <c r="G10" s="6"/>
      <c r="H10" s="6"/>
      <c r="I10" s="6"/>
      <c r="J10" s="58"/>
      <c r="K10" s="58"/>
    </row>
    <row r="11" spans="1:11" ht="13.8">
      <c r="A11" s="6" t="s">
        <v>104</v>
      </c>
      <c r="B11" s="7"/>
      <c r="C11" s="7"/>
      <c r="D11" s="6" t="s">
        <v>111</v>
      </c>
      <c r="E11" s="6"/>
      <c r="F11" s="6"/>
      <c r="G11" s="6"/>
      <c r="H11" s="6"/>
      <c r="I11" s="6"/>
      <c r="J11" s="58"/>
      <c r="K11" s="58"/>
    </row>
    <row r="12" spans="1:11" s="1" customFormat="1" ht="22.5" customHeight="1">
      <c r="A12" s="1051" t="s">
        <v>90</v>
      </c>
      <c r="B12" s="1052" t="s">
        <v>151</v>
      </c>
      <c r="C12" s="1053"/>
      <c r="D12" s="1053"/>
      <c r="E12" s="1054"/>
      <c r="F12" s="1048" t="s">
        <v>269</v>
      </c>
      <c r="G12" s="1049"/>
      <c r="H12" s="1049"/>
      <c r="I12" s="1050"/>
      <c r="J12" s="1046" t="s">
        <v>103</v>
      </c>
      <c r="K12" s="1046" t="s">
        <v>270</v>
      </c>
    </row>
    <row r="13" spans="1:11" s="1" customFormat="1" ht="45" customHeight="1">
      <c r="A13" s="1051"/>
      <c r="B13" s="74" t="s">
        <v>100</v>
      </c>
      <c r="C13" s="74" t="s">
        <v>148</v>
      </c>
      <c r="D13" s="66" t="s">
        <v>150</v>
      </c>
      <c r="E13" s="74" t="s">
        <v>87</v>
      </c>
      <c r="F13" s="66" t="s">
        <v>106</v>
      </c>
      <c r="G13" s="66" t="s">
        <v>152</v>
      </c>
      <c r="H13" s="66" t="s">
        <v>153</v>
      </c>
      <c r="I13" s="66" t="s">
        <v>154</v>
      </c>
      <c r="J13" s="1047"/>
      <c r="K13" s="1047"/>
    </row>
    <row r="14" spans="1:11" s="67" customFormat="1" ht="27" customHeight="1">
      <c r="A14" s="59" t="s">
        <v>190</v>
      </c>
      <c r="B14" s="59" t="s">
        <v>101</v>
      </c>
      <c r="C14" s="59" t="s">
        <v>149</v>
      </c>
      <c r="D14" s="59">
        <v>19</v>
      </c>
      <c r="E14" s="59" t="s">
        <v>102</v>
      </c>
      <c r="F14" s="59" t="s">
        <v>156</v>
      </c>
      <c r="G14" s="59"/>
      <c r="H14" s="59" t="s">
        <v>293</v>
      </c>
      <c r="I14" s="59">
        <v>380</v>
      </c>
      <c r="J14" s="59" t="s">
        <v>108</v>
      </c>
      <c r="K14" s="59" t="s">
        <v>271</v>
      </c>
    </row>
    <row r="15" spans="1:11" s="67" customFormat="1" ht="27" customHeight="1">
      <c r="A15" s="59" t="s">
        <v>191</v>
      </c>
      <c r="B15" s="59" t="s">
        <v>192</v>
      </c>
      <c r="C15" s="59" t="s">
        <v>149</v>
      </c>
      <c r="D15" s="59">
        <v>15</v>
      </c>
      <c r="E15" s="59" t="s">
        <v>102</v>
      </c>
      <c r="F15" s="59" t="s">
        <v>156</v>
      </c>
      <c r="G15" s="59"/>
      <c r="H15" s="59" t="s">
        <v>293</v>
      </c>
      <c r="I15" s="59">
        <v>380</v>
      </c>
      <c r="J15" s="59" t="s">
        <v>296</v>
      </c>
      <c r="K15" s="59" t="s">
        <v>193</v>
      </c>
    </row>
    <row r="16" spans="1:11" s="67" customFormat="1" ht="27" customHeight="1">
      <c r="A16" s="72">
        <v>1</v>
      </c>
      <c r="B16" s="103"/>
      <c r="C16" s="103"/>
      <c r="D16" s="103"/>
      <c r="E16" s="103"/>
      <c r="F16" s="103"/>
      <c r="G16" s="103"/>
      <c r="H16" s="103"/>
      <c r="I16" s="103"/>
      <c r="J16" s="103"/>
      <c r="K16" s="103"/>
    </row>
    <row r="17" spans="1:11" s="67" customFormat="1" ht="27" customHeight="1">
      <c r="A17" s="72">
        <v>2</v>
      </c>
      <c r="B17" s="103"/>
      <c r="C17" s="103"/>
      <c r="D17" s="103"/>
      <c r="E17" s="103"/>
      <c r="F17" s="103"/>
      <c r="G17" s="103"/>
      <c r="H17" s="103"/>
      <c r="I17" s="103"/>
      <c r="J17" s="103"/>
      <c r="K17" s="103"/>
    </row>
    <row r="18" spans="1:11" s="67" customFormat="1" ht="27" customHeight="1">
      <c r="A18" s="72">
        <v>3</v>
      </c>
      <c r="B18" s="103"/>
      <c r="C18" s="103"/>
      <c r="D18" s="103"/>
      <c r="E18" s="103"/>
      <c r="F18" s="103"/>
      <c r="G18" s="103"/>
      <c r="H18" s="103"/>
      <c r="I18" s="103"/>
      <c r="J18" s="103"/>
      <c r="K18" s="103"/>
    </row>
    <row r="19" spans="1:11" s="67" customFormat="1" ht="27" customHeight="1">
      <c r="A19" s="72">
        <v>4</v>
      </c>
      <c r="B19" s="103"/>
      <c r="C19" s="103"/>
      <c r="D19" s="103"/>
      <c r="E19" s="103"/>
      <c r="F19" s="103"/>
      <c r="G19" s="103"/>
      <c r="H19" s="103"/>
      <c r="I19" s="103"/>
      <c r="J19" s="103"/>
      <c r="K19" s="103"/>
    </row>
    <row r="20" spans="1:11" s="67" customFormat="1" ht="27" customHeight="1">
      <c r="A20" s="72">
        <v>5</v>
      </c>
      <c r="B20" s="103"/>
      <c r="C20" s="103"/>
      <c r="D20" s="103"/>
      <c r="E20" s="103"/>
      <c r="F20" s="103"/>
      <c r="G20" s="103"/>
      <c r="H20" s="103"/>
      <c r="I20" s="103"/>
      <c r="J20" s="103"/>
      <c r="K20" s="103"/>
    </row>
    <row r="21" spans="1:11" s="67" customFormat="1" ht="27" customHeight="1">
      <c r="A21" s="72">
        <v>6</v>
      </c>
      <c r="B21" s="103"/>
      <c r="C21" s="103"/>
      <c r="D21" s="103"/>
      <c r="E21" s="103"/>
      <c r="F21" s="103"/>
      <c r="G21" s="103"/>
      <c r="H21" s="103"/>
      <c r="I21" s="103"/>
      <c r="J21" s="103"/>
      <c r="K21" s="103"/>
    </row>
    <row r="22" spans="1:11" s="67" customFormat="1" ht="27" customHeight="1">
      <c r="A22" s="72">
        <v>7</v>
      </c>
      <c r="B22" s="103"/>
      <c r="C22" s="103"/>
      <c r="D22" s="103"/>
      <c r="E22" s="103"/>
      <c r="F22" s="103"/>
      <c r="G22" s="103"/>
      <c r="H22" s="103"/>
      <c r="I22" s="103"/>
      <c r="J22" s="103"/>
      <c r="K22" s="103"/>
    </row>
    <row r="23" spans="1:11" s="67" customFormat="1" ht="27" customHeight="1">
      <c r="A23" s="72">
        <v>8</v>
      </c>
      <c r="B23" s="103"/>
      <c r="C23" s="103"/>
      <c r="D23" s="103"/>
      <c r="E23" s="103"/>
      <c r="F23" s="103"/>
      <c r="G23" s="103"/>
      <c r="H23" s="103"/>
      <c r="I23" s="103"/>
      <c r="J23" s="103"/>
      <c r="K23" s="103"/>
    </row>
    <row r="24" spans="1:11" s="67" customFormat="1" ht="27" customHeight="1">
      <c r="A24" s="72">
        <v>9</v>
      </c>
      <c r="B24" s="103"/>
      <c r="C24" s="103"/>
      <c r="D24" s="103"/>
      <c r="E24" s="103"/>
      <c r="F24" s="103"/>
      <c r="G24" s="103"/>
      <c r="H24" s="103"/>
      <c r="I24" s="103"/>
      <c r="J24" s="103"/>
      <c r="K24" s="103"/>
    </row>
    <row r="25" spans="1:11" s="67" customFormat="1" ht="27" customHeight="1">
      <c r="A25" s="72">
        <v>10</v>
      </c>
      <c r="B25" s="103"/>
      <c r="C25" s="103"/>
      <c r="D25" s="103"/>
      <c r="E25" s="103"/>
      <c r="F25" s="103"/>
      <c r="G25" s="103"/>
      <c r="H25" s="103"/>
      <c r="I25" s="103"/>
      <c r="J25" s="103"/>
      <c r="K25" s="103"/>
    </row>
    <row r="26" spans="1:11" s="67" customFormat="1" ht="27" customHeight="1">
      <c r="A26" s="72">
        <v>11</v>
      </c>
      <c r="B26" s="103"/>
      <c r="C26" s="103"/>
      <c r="D26" s="103"/>
      <c r="E26" s="103"/>
      <c r="F26" s="103"/>
      <c r="G26" s="103"/>
      <c r="H26" s="103"/>
      <c r="I26" s="103"/>
      <c r="J26" s="103"/>
      <c r="K26" s="103"/>
    </row>
    <row r="27" spans="1:11" s="67" customFormat="1" ht="27" customHeight="1">
      <c r="A27" s="72">
        <v>12</v>
      </c>
      <c r="B27" s="103"/>
      <c r="C27" s="103"/>
      <c r="D27" s="103"/>
      <c r="E27" s="103"/>
      <c r="F27" s="103"/>
      <c r="G27" s="103"/>
      <c r="H27" s="103"/>
      <c r="I27" s="103"/>
      <c r="J27" s="103"/>
      <c r="K27" s="103"/>
    </row>
    <row r="28" spans="1:11" s="67" customFormat="1" ht="27" customHeight="1">
      <c r="A28" s="72">
        <v>13</v>
      </c>
      <c r="B28" s="103"/>
      <c r="C28" s="103"/>
      <c r="D28" s="103"/>
      <c r="E28" s="103"/>
      <c r="F28" s="103"/>
      <c r="G28" s="103"/>
      <c r="H28" s="103"/>
      <c r="I28" s="103"/>
      <c r="J28" s="103"/>
      <c r="K28" s="103"/>
    </row>
    <row r="29" spans="1:11" s="67" customFormat="1" ht="27" customHeight="1">
      <c r="A29" s="72">
        <v>14</v>
      </c>
      <c r="B29" s="103"/>
      <c r="C29" s="103"/>
      <c r="D29" s="103"/>
      <c r="E29" s="103"/>
      <c r="F29" s="103"/>
      <c r="G29" s="103"/>
      <c r="H29" s="103"/>
      <c r="I29" s="103"/>
      <c r="J29" s="103"/>
      <c r="K29" s="103"/>
    </row>
    <row r="30" spans="1:11" s="67" customFormat="1" ht="27" customHeight="1">
      <c r="A30" s="72">
        <v>15</v>
      </c>
      <c r="B30" s="103"/>
      <c r="C30" s="103"/>
      <c r="D30" s="103"/>
      <c r="E30" s="103"/>
      <c r="F30" s="103"/>
      <c r="G30" s="103"/>
      <c r="H30" s="103"/>
      <c r="I30" s="103"/>
      <c r="J30" s="103"/>
      <c r="K30" s="103"/>
    </row>
    <row r="31" spans="1:11" s="67" customFormat="1" ht="27" customHeight="1">
      <c r="A31" s="72">
        <v>16</v>
      </c>
      <c r="B31" s="103"/>
      <c r="C31" s="103"/>
      <c r="D31" s="103"/>
      <c r="E31" s="103"/>
      <c r="F31" s="103"/>
      <c r="G31" s="103"/>
      <c r="H31" s="103"/>
      <c r="I31" s="103"/>
      <c r="J31" s="103"/>
      <c r="K31" s="103"/>
    </row>
    <row r="32" spans="1:11" s="67" customFormat="1" ht="27" customHeight="1">
      <c r="A32" s="72">
        <v>17</v>
      </c>
      <c r="B32" s="103"/>
      <c r="C32" s="103"/>
      <c r="D32" s="103"/>
      <c r="E32" s="103"/>
      <c r="F32" s="103"/>
      <c r="G32" s="103"/>
      <c r="H32" s="103"/>
      <c r="I32" s="103"/>
      <c r="J32" s="103"/>
      <c r="K32" s="103"/>
    </row>
    <row r="33" spans="1:11" s="67" customFormat="1" ht="27" customHeight="1">
      <c r="A33" s="72">
        <v>18</v>
      </c>
      <c r="B33" s="103"/>
      <c r="C33" s="103"/>
      <c r="D33" s="103"/>
      <c r="E33" s="103"/>
      <c r="F33" s="103"/>
      <c r="G33" s="103"/>
      <c r="H33" s="103"/>
      <c r="I33" s="103"/>
      <c r="J33" s="103"/>
      <c r="K33" s="103"/>
    </row>
  </sheetData>
  <sheetProtection insertRows="0"/>
  <customSheetViews>
    <customSheetView guid="{96F83B05-D121-40EB-85BB-212F4250A2EA}">
      <selection activeCell="B3" sqref="B3"/>
      <pageMargins left="0.39370078740157483" right="0.39370078740157483" top="0.59055118110236227" bottom="0.59055118110236227" header="0.31496062992125984" footer="0.31496062992125984"/>
      <pageSetup paperSize="9" orientation="portrait" horizontalDpi="300" verticalDpi="300" r:id="rId1"/>
      <headerFooter alignWithMargins="0"/>
    </customSheetView>
    <customSheetView guid="{0199004E-6640-4BE5-B2D5-6A0A715378D4}" topLeftCell="A3">
      <selection activeCell="D14" sqref="D14"/>
      <pageMargins left="0.39370078740157483" right="0.39370078740157483" top="0.59055118110236227" bottom="0.59055118110236227" header="0.31496062992125984" footer="0.31496062992125984"/>
      <pageSetup paperSize="9" orientation="portrait" horizontalDpi="300" verticalDpi="300" r:id="rId2"/>
      <headerFooter alignWithMargins="0"/>
    </customSheetView>
  </customSheetViews>
  <mergeCells count="8">
    <mergeCell ref="I5:K5"/>
    <mergeCell ref="A8:J8"/>
    <mergeCell ref="K12:K13"/>
    <mergeCell ref="J12:J13"/>
    <mergeCell ref="F12:I12"/>
    <mergeCell ref="A12:A13"/>
    <mergeCell ref="B12:E12"/>
    <mergeCell ref="A7:K7"/>
  </mergeCells>
  <phoneticPr fontId="7"/>
  <dataValidations count="4">
    <dataValidation type="list" allowBlank="1" showInputMessage="1" showErrorMessage="1" sqref="K8" xr:uid="{00000000-0002-0000-0B00-000000000000}">
      <formula1>"実績なし"</formula1>
    </dataValidation>
    <dataValidation type="list" allowBlank="1" showInputMessage="1" showErrorMessage="1" sqref="F16:F33" xr:uid="{00000000-0002-0000-0B00-000001000000}">
      <formula1>"ガソリン,ディーゼル"</formula1>
    </dataValidation>
    <dataValidation imeMode="on" allowBlank="1" showInputMessage="1" showErrorMessage="1" sqref="E16:E33" xr:uid="{00000000-0002-0000-0B00-000002000000}"/>
    <dataValidation type="decimal" operator="greaterThanOrEqual" allowBlank="1" showInputMessage="1" showErrorMessage="1" prompt="0以上の数値が入力可能。" sqref="D16:D33 G16:G33 I16:I33" xr:uid="{00000000-0002-0000-0B00-000003000000}">
      <formula1>0</formula1>
    </dataValidation>
  </dataValidations>
  <pageMargins left="0.39370078740157483" right="0.39370078740157483" top="0.59055118110236227" bottom="0.59055118110236227" header="0.31496062992125984" footer="0.31496062992125984"/>
  <pageSetup paperSize="9" orientation="portrait" horizontalDpi="300" verticalDpi="300" r:id="rId3"/>
  <headerFooter alignWithMargins="0"/>
  <ignoredErrors>
    <ignoredError sqref="I5" unlockedFormula="1"/>
  </ignoredErrors>
  <drawing r:id="rId4"/>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6">
    <pageSetUpPr fitToPage="1"/>
  </sheetPr>
  <dimension ref="A1:L36"/>
  <sheetViews>
    <sheetView zoomScaleNormal="100" workbookViewId="0"/>
  </sheetViews>
  <sheetFormatPr defaultRowHeight="13.2"/>
  <cols>
    <col min="1" max="1" width="5.109375" customWidth="1"/>
    <col min="2" max="2" width="3.88671875" customWidth="1"/>
    <col min="3" max="3" width="22.88671875" customWidth="1"/>
    <col min="4" max="4" width="21.109375" bestFit="1" customWidth="1"/>
    <col min="5" max="6" width="12.6640625" customWidth="1"/>
    <col min="7" max="7" width="4.109375" customWidth="1"/>
  </cols>
  <sheetData>
    <row r="1" spans="1:12" s="52" customFormat="1" ht="20.100000000000001" customHeight="1">
      <c r="F1" s="91" t="s">
        <v>728</v>
      </c>
    </row>
    <row r="2" spans="1:12" s="52" customFormat="1" ht="12" customHeight="1"/>
    <row r="3" spans="1:12" s="54" customFormat="1" ht="19.2">
      <c r="A3" s="62" t="s">
        <v>1241</v>
      </c>
      <c r="B3" s="62"/>
      <c r="C3" s="62"/>
      <c r="D3" s="62"/>
      <c r="E3" s="62"/>
      <c r="F3" s="62"/>
      <c r="J3" s="53"/>
      <c r="K3" s="53"/>
      <c r="L3" s="53"/>
    </row>
    <row r="4" spans="1:12" s="52" customFormat="1"/>
    <row r="5" spans="1:12" s="52" customFormat="1">
      <c r="D5" s="94" t="s">
        <v>91</v>
      </c>
      <c r="E5" s="1024" t="str">
        <f>【調達機関情報】!D69</f>
        <v>　</v>
      </c>
      <c r="F5" s="1024"/>
    </row>
    <row r="6" spans="1:12" s="52" customFormat="1"/>
    <row r="7" spans="1:12" ht="16.350000000000001" customHeight="1">
      <c r="A7" s="9" t="s">
        <v>251</v>
      </c>
    </row>
    <row r="8" spans="1:12" ht="16.350000000000001" customHeight="1" thickBot="1">
      <c r="A8" s="175"/>
      <c r="B8" t="s">
        <v>252</v>
      </c>
    </row>
    <row r="9" spans="1:12" s="250" customFormat="1" ht="27" thickBot="1">
      <c r="B9" s="467" t="s">
        <v>678</v>
      </c>
      <c r="C9" s="468" t="s">
        <v>679</v>
      </c>
      <c r="D9" s="469" t="s">
        <v>676</v>
      </c>
      <c r="E9" s="1064">
        <v>0</v>
      </c>
      <c r="F9" s="1065"/>
    </row>
    <row r="10" spans="1:12" s="250" customFormat="1" ht="13.8" thickBot="1"/>
    <row r="11" spans="1:12" s="250" customFormat="1" ht="32.4">
      <c r="B11" s="1058" t="s">
        <v>677</v>
      </c>
      <c r="C11" s="1060" t="s">
        <v>680</v>
      </c>
      <c r="D11" s="1062" t="s">
        <v>684</v>
      </c>
      <c r="E11" s="470" t="s">
        <v>682</v>
      </c>
      <c r="F11" s="471" t="s">
        <v>683</v>
      </c>
    </row>
    <row r="12" spans="1:12" s="250" customFormat="1" ht="18" customHeight="1" thickBot="1">
      <c r="B12" s="1059"/>
      <c r="C12" s="1061"/>
      <c r="D12" s="1063"/>
      <c r="E12" s="486">
        <v>0</v>
      </c>
      <c r="F12" s="489">
        <f>$E$9-$E$12</f>
        <v>0</v>
      </c>
    </row>
    <row r="13" spans="1:12" s="250" customFormat="1" ht="13.8" thickBot="1"/>
    <row r="14" spans="1:12" s="250" customFormat="1" ht="43.2">
      <c r="B14" s="1058" t="s">
        <v>685</v>
      </c>
      <c r="C14" s="1060" t="s">
        <v>681</v>
      </c>
      <c r="D14" s="1062" t="s">
        <v>686</v>
      </c>
      <c r="E14" s="470" t="s">
        <v>687</v>
      </c>
      <c r="F14" s="472" t="s">
        <v>696</v>
      </c>
    </row>
    <row r="15" spans="1:12" s="250" customFormat="1" ht="18" customHeight="1" thickBot="1">
      <c r="B15" s="1059"/>
      <c r="C15" s="1061"/>
      <c r="D15" s="1063"/>
      <c r="E15" s="490">
        <v>0</v>
      </c>
      <c r="F15" s="489">
        <f>$E$12-$E$15</f>
        <v>0</v>
      </c>
    </row>
    <row r="18" spans="1:7" s="477" customFormat="1" ht="16.350000000000001" customHeight="1" thickBot="1">
      <c r="A18" s="1028" t="s">
        <v>688</v>
      </c>
      <c r="B18" s="1028"/>
      <c r="C18" s="1028"/>
      <c r="D18" s="1028"/>
      <c r="E18" s="1028"/>
      <c r="F18" s="1028"/>
    </row>
    <row r="19" spans="1:7" ht="43.8" thickBot="1">
      <c r="B19" s="1068" t="s">
        <v>92</v>
      </c>
      <c r="C19" s="1069"/>
      <c r="D19" s="1069"/>
      <c r="E19" s="476" t="s">
        <v>683</v>
      </c>
      <c r="F19" s="472" t="s">
        <v>696</v>
      </c>
    </row>
    <row r="20" spans="1:7" ht="41.1" customHeight="1">
      <c r="B20" s="475" t="s">
        <v>690</v>
      </c>
      <c r="C20" s="1070" t="s">
        <v>689</v>
      </c>
      <c r="D20" s="1070"/>
      <c r="E20" s="482"/>
      <c r="F20" s="483"/>
      <c r="G20" s="1056"/>
    </row>
    <row r="21" spans="1:7" ht="39" customHeight="1">
      <c r="B21" s="473" t="s">
        <v>692</v>
      </c>
      <c r="C21" s="1071" t="s">
        <v>691</v>
      </c>
      <c r="D21" s="1071"/>
      <c r="E21" s="484"/>
      <c r="F21" s="485"/>
      <c r="G21" s="1057"/>
    </row>
    <row r="22" spans="1:7" ht="28.35" customHeight="1" thickBot="1">
      <c r="B22" s="474" t="s">
        <v>693</v>
      </c>
      <c r="C22" s="1072" t="s">
        <v>665</v>
      </c>
      <c r="D22" s="1072"/>
      <c r="E22" s="486"/>
      <c r="F22" s="487"/>
    </row>
    <row r="23" spans="1:7" ht="28.5" customHeight="1">
      <c r="B23" s="1073" t="s">
        <v>244</v>
      </c>
      <c r="C23" s="1074"/>
      <c r="D23" s="1074"/>
      <c r="E23" s="482">
        <f>SUM(E20:E22)</f>
        <v>0</v>
      </c>
      <c r="F23" s="488">
        <f>SUM(F20:F22)</f>
        <v>0</v>
      </c>
    </row>
    <row r="24" spans="1:7" ht="13.8" thickBot="1">
      <c r="B24" s="478"/>
      <c r="C24" s="190"/>
      <c r="D24" s="479" t="s">
        <v>694</v>
      </c>
      <c r="E24" s="480">
        <f>F12</f>
        <v>0</v>
      </c>
      <c r="F24" s="481">
        <f>F15</f>
        <v>0</v>
      </c>
    </row>
    <row r="26" spans="1:7" ht="13.8" thickBot="1">
      <c r="B26" t="s">
        <v>626</v>
      </c>
    </row>
    <row r="27" spans="1:7">
      <c r="B27" s="1078" t="s">
        <v>695</v>
      </c>
      <c r="C27" s="1079"/>
      <c r="D27" s="1079"/>
      <c r="E27" s="1079"/>
      <c r="F27" s="1080"/>
    </row>
    <row r="28" spans="1:7" ht="81" customHeight="1" thickBot="1">
      <c r="B28" s="1075"/>
      <c r="C28" s="1076"/>
      <c r="D28" s="1076"/>
      <c r="E28" s="1076"/>
      <c r="F28" s="1077"/>
    </row>
    <row r="29" spans="1:7">
      <c r="B29" s="1081" t="s">
        <v>697</v>
      </c>
      <c r="C29" s="1082"/>
      <c r="D29" s="1082"/>
      <c r="E29" s="1082"/>
      <c r="F29" s="1083"/>
    </row>
    <row r="30" spans="1:7" ht="81" customHeight="1" thickBot="1">
      <c r="B30" s="1075"/>
      <c r="C30" s="1076"/>
      <c r="D30" s="1076"/>
      <c r="E30" s="1076"/>
      <c r="F30" s="1077"/>
    </row>
    <row r="32" spans="1:7" ht="15" customHeight="1"/>
    <row r="33" spans="1:6" ht="16.350000000000001" customHeight="1">
      <c r="A33" s="9" t="s">
        <v>543</v>
      </c>
    </row>
    <row r="34" spans="1:6" ht="15" thickBot="1">
      <c r="A34" s="175"/>
      <c r="B34" t="s">
        <v>195</v>
      </c>
    </row>
    <row r="35" spans="1:6" ht="26.25" customHeight="1" thickBot="1">
      <c r="A35" s="9"/>
      <c r="B35" s="1066" t="s">
        <v>242</v>
      </c>
      <c r="C35" s="1067"/>
      <c r="D35" s="319"/>
    </row>
    <row r="36" spans="1:6" s="2" customFormat="1" ht="15" customHeight="1">
      <c r="A36" s="11"/>
      <c r="B36" s="182"/>
      <c r="C36" s="183"/>
      <c r="D36"/>
      <c r="E36" s="183"/>
      <c r="F36" s="183"/>
    </row>
  </sheetData>
  <mergeCells count="20">
    <mergeCell ref="E5:F5"/>
    <mergeCell ref="B30:F30"/>
    <mergeCell ref="B27:F27"/>
    <mergeCell ref="B29:F29"/>
    <mergeCell ref="A18:F18"/>
    <mergeCell ref="B35:C35"/>
    <mergeCell ref="B19:D19"/>
    <mergeCell ref="C20:D20"/>
    <mergeCell ref="C21:D21"/>
    <mergeCell ref="C22:D22"/>
    <mergeCell ref="B23:D23"/>
    <mergeCell ref="B28:F28"/>
    <mergeCell ref="G20:G21"/>
    <mergeCell ref="B11:B12"/>
    <mergeCell ref="C11:C12"/>
    <mergeCell ref="D11:D12"/>
    <mergeCell ref="E9:F9"/>
    <mergeCell ref="B14:B15"/>
    <mergeCell ref="C14:C15"/>
    <mergeCell ref="D14:D15"/>
  </mergeCells>
  <phoneticPr fontId="7"/>
  <dataValidations count="6">
    <dataValidation type="decimal" operator="greaterThanOrEqual" allowBlank="1" showInputMessage="1" showErrorMessage="1" prompt="複数の項目に該当する場合は、どれか１つのみに含める。_x000a_0以上の数値が記入可。" sqref="E20:E22" xr:uid="{00000000-0002-0000-0C00-000000000000}">
      <formula1>0</formula1>
    </dataValidation>
    <dataValidation operator="greaterThanOrEqual" allowBlank="1" showErrorMessage="1" sqref="E23:F23" xr:uid="{00000000-0002-0000-0C00-000001000000}"/>
    <dataValidation type="decimal" operator="greaterThanOrEqual" allowBlank="1" showInputMessage="1" showErrorMessage="1" prompt="大規模な改修工事に係る設計業務において環境配慮型プロポーザル方式を実施した件数。_x000a_0以上の数値が記入可。" sqref="D35" xr:uid="{00000000-0002-0000-0C00-000002000000}">
      <formula1>0</formula1>
    </dataValidation>
    <dataValidation allowBlank="1" showInputMessage="1" showErrorMessage="1" prompt="新築に係る設計業務のうち、環境配慮型プロポーザル方式を実施した件数。_x000a_0以上の数値が記入可。" sqref="E36:F36" xr:uid="{00000000-0002-0000-0C00-000003000000}"/>
    <dataValidation allowBlank="1" showInputMessage="1" showErrorMessage="1" prompt="新築に係る設計業務のうち、プロポーザル方式を採用した件数を記入する。_x000a_0以上の数値が記入可。" sqref="C36" xr:uid="{00000000-0002-0000-0C00-000004000000}"/>
    <dataValidation allowBlank="1" showInputMessage="1" showErrorMessage="1" prompt="新築に係る設計業務の件数を記入する。_x000a_0以上の数値が記入可。" sqref="B36" xr:uid="{00000000-0002-0000-0C00-000005000000}"/>
  </dataValidations>
  <printOptions horizontalCentered="1"/>
  <pageMargins left="0.70866141732283472" right="0.70866141732283472" top="0.59055118110236227" bottom="0.59055118110236227" header="0.31496062992125984" footer="0.31496062992125984"/>
  <pageSetup paperSize="9" scale="98" orientation="portrait" horizontalDpi="4294967293" verticalDpi="0" r:id="rId1"/>
  <ignoredErrors>
    <ignoredError sqref="E5 E23:F23" unlockedFormula="1"/>
  </ignoredError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3"/>
  <dimension ref="A1:M44"/>
  <sheetViews>
    <sheetView view="pageBreakPreview" zoomScaleNormal="100" zoomScaleSheetLayoutView="100" workbookViewId="0"/>
  </sheetViews>
  <sheetFormatPr defaultColWidth="9" defaultRowHeight="13.2"/>
  <cols>
    <col min="1" max="1" width="3.88671875" style="52" customWidth="1"/>
    <col min="2" max="2" width="11.6640625" style="52" customWidth="1"/>
    <col min="3" max="3" width="9.33203125" style="52" customWidth="1"/>
    <col min="4" max="4" width="15" style="52" customWidth="1"/>
    <col min="5" max="5" width="10.6640625" style="52" customWidth="1"/>
    <col min="6" max="6" width="9.33203125" style="52" customWidth="1"/>
    <col min="7" max="8" width="12.6640625" style="52" customWidth="1"/>
    <col min="9" max="9" width="7.88671875" style="52" customWidth="1"/>
    <col min="10" max="10" width="10.88671875" style="52" customWidth="1"/>
    <col min="11" max="16384" width="9" style="52"/>
  </cols>
  <sheetData>
    <row r="1" spans="1:13" ht="20.100000000000001" customHeight="1">
      <c r="H1" s="91" t="s">
        <v>729</v>
      </c>
    </row>
    <row r="2" spans="1:13" ht="6" customHeight="1">
      <c r="J2" s="73"/>
    </row>
    <row r="3" spans="1:13" s="54" customFormat="1" ht="19.2">
      <c r="A3" s="62" t="s">
        <v>1360</v>
      </c>
      <c r="B3" s="62"/>
      <c r="C3" s="62"/>
      <c r="D3" s="62"/>
      <c r="E3" s="62"/>
      <c r="F3" s="62"/>
      <c r="G3" s="62"/>
      <c r="H3" s="62"/>
      <c r="I3" s="53"/>
      <c r="K3" s="53"/>
      <c r="L3" s="53"/>
      <c r="M3" s="53"/>
    </row>
    <row r="5" spans="1:13">
      <c r="E5" s="94" t="s">
        <v>109</v>
      </c>
      <c r="F5" s="1084" t="str">
        <f>【調達機関情報】!D69</f>
        <v>　</v>
      </c>
      <c r="G5" s="1085"/>
      <c r="H5" s="1085"/>
    </row>
    <row r="6" spans="1:13" ht="13.8" thickBot="1"/>
    <row r="7" spans="1:13" s="14" customFormat="1" ht="13.8" thickBot="1">
      <c r="B7" s="1117" t="s">
        <v>844</v>
      </c>
      <c r="C7" s="1118"/>
      <c r="D7" s="1118"/>
      <c r="E7" s="1118"/>
      <c r="F7" s="1118"/>
      <c r="G7" s="1119"/>
      <c r="H7" s="329"/>
    </row>
    <row r="8" spans="1:13" s="14" customFormat="1"/>
    <row r="9" spans="1:13" ht="13.8" thickBot="1">
      <c r="A9" s="52" t="s">
        <v>82</v>
      </c>
    </row>
    <row r="10" spans="1:13">
      <c r="A10" s="1089">
        <v>1</v>
      </c>
      <c r="B10" s="85" t="s">
        <v>83</v>
      </c>
      <c r="C10" s="1111"/>
      <c r="D10" s="1112"/>
      <c r="E10" s="1112"/>
      <c r="F10" s="1112"/>
      <c r="G10" s="1112"/>
      <c r="H10" s="1113"/>
    </row>
    <row r="11" spans="1:13">
      <c r="A11" s="1090"/>
      <c r="B11" s="86" t="s">
        <v>131</v>
      </c>
      <c r="C11" s="123"/>
      <c r="D11" s="124" t="s">
        <v>185</v>
      </c>
      <c r="E11" s="125"/>
      <c r="F11" s="126"/>
      <c r="G11" s="125"/>
      <c r="H11" s="127"/>
    </row>
    <row r="12" spans="1:13">
      <c r="A12" s="1090"/>
      <c r="B12" s="87" t="s">
        <v>32</v>
      </c>
      <c r="C12" s="128" t="s">
        <v>84</v>
      </c>
      <c r="D12" s="1114"/>
      <c r="E12" s="1115"/>
      <c r="F12" s="131" t="s">
        <v>85</v>
      </c>
      <c r="G12" s="1114"/>
      <c r="H12" s="1116"/>
    </row>
    <row r="13" spans="1:13">
      <c r="A13" s="1090"/>
      <c r="B13" s="1103" t="s">
        <v>86</v>
      </c>
      <c r="C13" s="133" t="s">
        <v>87</v>
      </c>
      <c r="D13" s="134"/>
      <c r="E13" s="135"/>
      <c r="F13" s="136" t="s">
        <v>132</v>
      </c>
      <c r="G13" s="134"/>
      <c r="H13" s="137"/>
    </row>
    <row r="14" spans="1:13">
      <c r="A14" s="1090"/>
      <c r="B14" s="1104"/>
      <c r="C14" s="138" t="s">
        <v>133</v>
      </c>
      <c r="D14" s="139"/>
      <c r="E14" s="140" t="s">
        <v>157</v>
      </c>
      <c r="F14" s="141" t="s">
        <v>135</v>
      </c>
      <c r="G14" s="139"/>
      <c r="H14" s="142" t="s">
        <v>18</v>
      </c>
    </row>
    <row r="15" spans="1:13">
      <c r="A15" s="1090"/>
      <c r="B15" s="1104"/>
      <c r="C15" s="138" t="s">
        <v>136</v>
      </c>
      <c r="D15" s="143"/>
      <c r="E15" s="144" t="s">
        <v>147</v>
      </c>
      <c r="F15" s="141" t="s">
        <v>33</v>
      </c>
      <c r="G15" s="145" t="s">
        <v>138</v>
      </c>
      <c r="H15" s="146" t="s">
        <v>139</v>
      </c>
    </row>
    <row r="16" spans="1:13" ht="32.25" customHeight="1">
      <c r="A16" s="1090"/>
      <c r="B16" s="1105"/>
      <c r="C16" s="147" t="s">
        <v>29</v>
      </c>
      <c r="D16" s="1120"/>
      <c r="E16" s="1109"/>
      <c r="F16" s="1109"/>
      <c r="G16" s="1109"/>
      <c r="H16" s="1110"/>
    </row>
    <row r="17" spans="1:8" ht="20.25" customHeight="1">
      <c r="A17" s="1090"/>
      <c r="B17" s="88" t="s">
        <v>88</v>
      </c>
      <c r="C17" s="148" t="s">
        <v>587</v>
      </c>
      <c r="D17" s="149"/>
      <c r="E17" s="150" t="s">
        <v>26</v>
      </c>
      <c r="F17" s="151"/>
      <c r="G17" s="150" t="s">
        <v>27</v>
      </c>
      <c r="H17" s="152"/>
    </row>
    <row r="18" spans="1:8" ht="27" customHeight="1">
      <c r="A18" s="1090"/>
      <c r="B18" s="1092" t="s">
        <v>140</v>
      </c>
      <c r="C18" s="1086"/>
      <c r="D18" s="1087"/>
      <c r="E18" s="1087"/>
      <c r="F18" s="1087"/>
      <c r="G18" s="1087"/>
      <c r="H18" s="1088"/>
    </row>
    <row r="19" spans="1:8" ht="27" customHeight="1">
      <c r="A19" s="1090"/>
      <c r="B19" s="1093"/>
      <c r="C19" s="1095"/>
      <c r="D19" s="1096"/>
      <c r="E19" s="1096"/>
      <c r="F19" s="1096"/>
      <c r="G19" s="1096"/>
      <c r="H19" s="1097"/>
    </row>
    <row r="20" spans="1:8" ht="27" customHeight="1">
      <c r="A20" s="1090"/>
      <c r="B20" s="1094"/>
      <c r="C20" s="1108"/>
      <c r="D20" s="1109"/>
      <c r="E20" s="1109"/>
      <c r="F20" s="1109"/>
      <c r="G20" s="1109"/>
      <c r="H20" s="1110"/>
    </row>
    <row r="21" spans="1:8" ht="27" customHeight="1">
      <c r="A21" s="1090"/>
      <c r="B21" s="1106" t="s">
        <v>141</v>
      </c>
      <c r="C21" s="1086"/>
      <c r="D21" s="1087"/>
      <c r="E21" s="1087"/>
      <c r="F21" s="1087"/>
      <c r="G21" s="1087"/>
      <c r="H21" s="1088"/>
    </row>
    <row r="22" spans="1:8" ht="27" customHeight="1">
      <c r="A22" s="1090"/>
      <c r="B22" s="1106"/>
      <c r="C22" s="1095"/>
      <c r="D22" s="1096"/>
      <c r="E22" s="1096"/>
      <c r="F22" s="1096"/>
      <c r="G22" s="1096"/>
      <c r="H22" s="1097"/>
    </row>
    <row r="23" spans="1:8" ht="27" customHeight="1">
      <c r="A23" s="1090"/>
      <c r="B23" s="1107"/>
      <c r="C23" s="1108"/>
      <c r="D23" s="1109"/>
      <c r="E23" s="1109"/>
      <c r="F23" s="1109"/>
      <c r="G23" s="1109"/>
      <c r="H23" s="1110"/>
    </row>
    <row r="24" spans="1:8">
      <c r="A24" s="1090"/>
      <c r="B24" s="1098" t="s">
        <v>142</v>
      </c>
      <c r="C24" s="133" t="s">
        <v>143</v>
      </c>
      <c r="D24" s="1101"/>
      <c r="E24" s="1087"/>
      <c r="F24" s="1087"/>
      <c r="G24" s="1087"/>
      <c r="H24" s="1088"/>
    </row>
    <row r="25" spans="1:8">
      <c r="A25" s="1090"/>
      <c r="B25" s="1099"/>
      <c r="C25" s="138" t="s">
        <v>144</v>
      </c>
      <c r="D25" s="1102"/>
      <c r="E25" s="1096"/>
      <c r="F25" s="1096"/>
      <c r="G25" s="1096"/>
      <c r="H25" s="1097"/>
    </row>
    <row r="26" spans="1:8" ht="16.2" thickBot="1">
      <c r="A26" s="1091"/>
      <c r="B26" s="1100"/>
      <c r="C26" s="153" t="s">
        <v>145</v>
      </c>
      <c r="D26" s="154"/>
      <c r="E26" s="155" t="s">
        <v>158</v>
      </c>
      <c r="F26" s="156" t="s">
        <v>146</v>
      </c>
      <c r="G26" s="154"/>
      <c r="H26" s="157" t="s">
        <v>158</v>
      </c>
    </row>
    <row r="27" spans="1:8">
      <c r="A27" s="1089">
        <v>2</v>
      </c>
      <c r="B27" s="85" t="s">
        <v>83</v>
      </c>
      <c r="C27" s="120"/>
      <c r="D27" s="121"/>
      <c r="E27" s="121"/>
      <c r="F27" s="121"/>
      <c r="G27" s="121"/>
      <c r="H27" s="122"/>
    </row>
    <row r="28" spans="1:8">
      <c r="A28" s="1090"/>
      <c r="B28" s="86" t="s">
        <v>131</v>
      </c>
      <c r="C28" s="123"/>
      <c r="D28" s="124" t="s">
        <v>185</v>
      </c>
      <c r="E28" s="125"/>
      <c r="F28" s="126"/>
      <c r="G28" s="125"/>
      <c r="H28" s="127"/>
    </row>
    <row r="29" spans="1:8">
      <c r="A29" s="1090"/>
      <c r="B29" s="87" t="s">
        <v>32</v>
      </c>
      <c r="C29" s="128" t="s">
        <v>84</v>
      </c>
      <c r="D29" s="129"/>
      <c r="E29" s="130"/>
      <c r="F29" s="131" t="s">
        <v>85</v>
      </c>
      <c r="G29" s="129"/>
      <c r="H29" s="132"/>
    </row>
    <row r="30" spans="1:8">
      <c r="A30" s="1090"/>
      <c r="B30" s="1103" t="s">
        <v>86</v>
      </c>
      <c r="C30" s="133" t="s">
        <v>87</v>
      </c>
      <c r="D30" s="134"/>
      <c r="E30" s="135"/>
      <c r="F30" s="136" t="s">
        <v>132</v>
      </c>
      <c r="G30" s="134"/>
      <c r="H30" s="137"/>
    </row>
    <row r="31" spans="1:8">
      <c r="A31" s="1090"/>
      <c r="B31" s="1104"/>
      <c r="C31" s="138" t="s">
        <v>133</v>
      </c>
      <c r="D31" s="139"/>
      <c r="E31" s="140" t="s">
        <v>134</v>
      </c>
      <c r="F31" s="141" t="s">
        <v>135</v>
      </c>
      <c r="G31" s="139"/>
      <c r="H31" s="142" t="s">
        <v>18</v>
      </c>
    </row>
    <row r="32" spans="1:8">
      <c r="A32" s="1090"/>
      <c r="B32" s="1104"/>
      <c r="C32" s="138" t="s">
        <v>136</v>
      </c>
      <c r="D32" s="143" t="s">
        <v>137</v>
      </c>
      <c r="E32" s="144" t="s">
        <v>33</v>
      </c>
      <c r="F32" s="141" t="s">
        <v>138</v>
      </c>
      <c r="G32" s="143" t="s">
        <v>139</v>
      </c>
      <c r="H32" s="158"/>
    </row>
    <row r="33" spans="1:8" ht="32.25" customHeight="1">
      <c r="A33" s="1090"/>
      <c r="B33" s="1105"/>
      <c r="C33" s="147" t="s">
        <v>29</v>
      </c>
      <c r="D33" s="1120"/>
      <c r="E33" s="1109"/>
      <c r="F33" s="1109"/>
      <c r="G33" s="1109"/>
      <c r="H33" s="1110"/>
    </row>
    <row r="34" spans="1:8" ht="20.25" customHeight="1">
      <c r="A34" s="1090"/>
      <c r="B34" s="88" t="s">
        <v>88</v>
      </c>
      <c r="C34" s="148" t="s">
        <v>587</v>
      </c>
      <c r="D34" s="149"/>
      <c r="E34" s="150" t="s">
        <v>26</v>
      </c>
      <c r="F34" s="151"/>
      <c r="G34" s="150" t="s">
        <v>27</v>
      </c>
      <c r="H34" s="152"/>
    </row>
    <row r="35" spans="1:8" ht="27" customHeight="1">
      <c r="A35" s="1090"/>
      <c r="B35" s="1092" t="s">
        <v>140</v>
      </c>
      <c r="C35" s="1086"/>
      <c r="D35" s="1087"/>
      <c r="E35" s="1087"/>
      <c r="F35" s="1087"/>
      <c r="G35" s="1087"/>
      <c r="H35" s="1088"/>
    </row>
    <row r="36" spans="1:8" ht="27" customHeight="1">
      <c r="A36" s="1090"/>
      <c r="B36" s="1093"/>
      <c r="C36" s="1095"/>
      <c r="D36" s="1096"/>
      <c r="E36" s="1096"/>
      <c r="F36" s="1096"/>
      <c r="G36" s="1096"/>
      <c r="H36" s="1097"/>
    </row>
    <row r="37" spans="1:8" ht="27" customHeight="1">
      <c r="A37" s="1090"/>
      <c r="B37" s="1094"/>
      <c r="C37" s="1108"/>
      <c r="D37" s="1109"/>
      <c r="E37" s="1109"/>
      <c r="F37" s="1109"/>
      <c r="G37" s="1109"/>
      <c r="H37" s="1110"/>
    </row>
    <row r="38" spans="1:8" ht="27" customHeight="1">
      <c r="A38" s="1090"/>
      <c r="B38" s="1106" t="s">
        <v>141</v>
      </c>
      <c r="C38" s="1086"/>
      <c r="D38" s="1087"/>
      <c r="E38" s="1087"/>
      <c r="F38" s="1087"/>
      <c r="G38" s="1087"/>
      <c r="H38" s="1088"/>
    </row>
    <row r="39" spans="1:8" ht="27" customHeight="1">
      <c r="A39" s="1090"/>
      <c r="B39" s="1106"/>
      <c r="C39" s="1095"/>
      <c r="D39" s="1096"/>
      <c r="E39" s="1096"/>
      <c r="F39" s="1096"/>
      <c r="G39" s="1096"/>
      <c r="H39" s="1097"/>
    </row>
    <row r="40" spans="1:8" ht="27" customHeight="1">
      <c r="A40" s="1090"/>
      <c r="B40" s="1107"/>
      <c r="C40" s="1108"/>
      <c r="D40" s="1109"/>
      <c r="E40" s="1109"/>
      <c r="F40" s="1109"/>
      <c r="G40" s="1109"/>
      <c r="H40" s="1110"/>
    </row>
    <row r="41" spans="1:8">
      <c r="A41" s="1090"/>
      <c r="B41" s="1098" t="s">
        <v>142</v>
      </c>
      <c r="C41" s="133" t="s">
        <v>143</v>
      </c>
      <c r="D41" s="1101"/>
      <c r="E41" s="1087"/>
      <c r="F41" s="1087"/>
      <c r="G41" s="1087"/>
      <c r="H41" s="1088"/>
    </row>
    <row r="42" spans="1:8">
      <c r="A42" s="1090"/>
      <c r="B42" s="1099"/>
      <c r="C42" s="138" t="s">
        <v>144</v>
      </c>
      <c r="D42" s="1102"/>
      <c r="E42" s="1096"/>
      <c r="F42" s="1096"/>
      <c r="G42" s="1096"/>
      <c r="H42" s="1097"/>
    </row>
    <row r="43" spans="1:8" ht="16.2" thickBot="1">
      <c r="A43" s="1091"/>
      <c r="B43" s="1100"/>
      <c r="C43" s="153" t="s">
        <v>145</v>
      </c>
      <c r="D43" s="154"/>
      <c r="E43" s="155" t="s">
        <v>158</v>
      </c>
      <c r="F43" s="156" t="s">
        <v>146</v>
      </c>
      <c r="G43" s="154"/>
      <c r="H43" s="157" t="s">
        <v>158</v>
      </c>
    </row>
    <row r="44" spans="1:8">
      <c r="B44" s="14" t="s">
        <v>292</v>
      </c>
    </row>
  </sheetData>
  <customSheetViews>
    <customSheetView guid="{96F83B05-D121-40EB-85BB-212F4250A2EA}">
      <pageMargins left="0.78740157480314965" right="0.78740157480314965" top="0.78740157480314965" bottom="0.59055118110236227" header="0.51181102362204722" footer="0.31496062992125984"/>
      <pageSetup paperSize="9" scale="99" orientation="portrait" r:id="rId1"/>
      <headerFooter alignWithMargins="0"/>
    </customSheetView>
    <customSheetView guid="{0199004E-6640-4BE5-B2D5-6A0A715378D4}">
      <pageMargins left="0.78740157480314965" right="0.78740157480314965" top="0.78740157480314965" bottom="0.59055118110236227" header="0.51181102362204722" footer="0.31496062992125984"/>
      <pageSetup paperSize="9" orientation="portrait" r:id="rId2"/>
      <headerFooter alignWithMargins="0"/>
    </customSheetView>
  </customSheetViews>
  <mergeCells count="33">
    <mergeCell ref="B38:B40"/>
    <mergeCell ref="C38:H38"/>
    <mergeCell ref="C39:H39"/>
    <mergeCell ref="C40:H40"/>
    <mergeCell ref="B30:B33"/>
    <mergeCell ref="C10:H10"/>
    <mergeCell ref="D12:E12"/>
    <mergeCell ref="G12:H12"/>
    <mergeCell ref="B7:G7"/>
    <mergeCell ref="C37:H37"/>
    <mergeCell ref="C20:H20"/>
    <mergeCell ref="D33:H33"/>
    <mergeCell ref="C18:H18"/>
    <mergeCell ref="C19:H19"/>
    <mergeCell ref="D16:H16"/>
    <mergeCell ref="D24:H24"/>
    <mergeCell ref="D25:H25"/>
    <mergeCell ref="F5:H5"/>
    <mergeCell ref="C21:H21"/>
    <mergeCell ref="A27:A43"/>
    <mergeCell ref="B35:B37"/>
    <mergeCell ref="C35:H35"/>
    <mergeCell ref="C36:H36"/>
    <mergeCell ref="B41:B43"/>
    <mergeCell ref="D41:H41"/>
    <mergeCell ref="D42:H42"/>
    <mergeCell ref="A10:A26"/>
    <mergeCell ref="B13:B16"/>
    <mergeCell ref="B18:B20"/>
    <mergeCell ref="B21:B23"/>
    <mergeCell ref="B24:B26"/>
    <mergeCell ref="C22:H22"/>
    <mergeCell ref="C23:H23"/>
  </mergeCells>
  <phoneticPr fontId="7"/>
  <dataValidations count="4">
    <dataValidation type="list" allowBlank="1" showInputMessage="1" showErrorMessage="1" sqref="H7" xr:uid="{00000000-0002-0000-0D00-000000000000}">
      <formula1>"実績なし"</formula1>
    </dataValidation>
    <dataValidation operator="greaterThanOrEqual" allowBlank="1" showInputMessage="1" showErrorMessage="1" prompt="単位に注意すること。" sqref="D26 G26 D43 G43" xr:uid="{00000000-0002-0000-0D00-000001000000}"/>
    <dataValidation type="list" allowBlank="1" showInputMessage="1" showErrorMessage="1" sqref="C11 C28" xr:uid="{00000000-0002-0000-0D00-000002000000}">
      <formula1>"新築,増築,改築,大規模改修"</formula1>
    </dataValidation>
    <dataValidation allowBlank="1" showInputMessage="1" showErrorMessage="1" promptTitle="注）" prompt="駐車場やグラウンドの面積は「延床面積」には含まれません。" sqref="D14 D31" xr:uid="{3002FE1D-016F-45F2-BB5B-A488FE705262}"/>
  </dataValidations>
  <pageMargins left="0.78740157480314965" right="0.78740157480314965" top="0.78740157480314965" bottom="0.59055118110236227" header="0.51181102362204722" footer="0.31496062992125984"/>
  <pageSetup paperSize="9" scale="97" orientation="portrait" r:id="rId3"/>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9"/>
  <dimension ref="A1:K33"/>
  <sheetViews>
    <sheetView zoomScaleNormal="100" workbookViewId="0"/>
  </sheetViews>
  <sheetFormatPr defaultRowHeight="13.2"/>
  <cols>
    <col min="1" max="1" width="2.88671875" customWidth="1"/>
    <col min="2" max="2" width="3.44140625" bestFit="1" customWidth="1"/>
    <col min="3" max="3" width="51.109375" bestFit="1" customWidth="1"/>
    <col min="4" max="5" width="12.6640625" customWidth="1"/>
  </cols>
  <sheetData>
    <row r="1" spans="1:11" s="524" customFormat="1" ht="20.100000000000001" customHeight="1">
      <c r="E1" s="566" t="s">
        <v>730</v>
      </c>
    </row>
    <row r="2" spans="1:11" s="524" customFormat="1" ht="6.6" customHeight="1">
      <c r="I2" s="526"/>
    </row>
    <row r="3" spans="1:11" s="529" customFormat="1" ht="19.2">
      <c r="A3" s="567" t="s">
        <v>1244</v>
      </c>
      <c r="B3" s="527"/>
      <c r="C3" s="527"/>
      <c r="D3" s="527"/>
      <c r="E3" s="527"/>
      <c r="F3" s="527"/>
      <c r="G3" s="528"/>
      <c r="I3" s="528"/>
      <c r="J3" s="528"/>
      <c r="K3" s="528"/>
    </row>
    <row r="4" spans="1:11" s="524" customFormat="1" ht="6.6" customHeight="1"/>
    <row r="5" spans="1:11" s="524" customFormat="1">
      <c r="C5" s="530" t="s">
        <v>109</v>
      </c>
      <c r="D5" s="1121" t="str">
        <f>【調達機関情報】!D69</f>
        <v>　</v>
      </c>
      <c r="E5" s="1122"/>
    </row>
    <row r="6" spans="1:11" s="524" customFormat="1">
      <c r="C6" s="530"/>
      <c r="D6" s="843"/>
      <c r="E6" s="526"/>
    </row>
    <row r="7" spans="1:11" s="524" customFormat="1" ht="30" customHeight="1">
      <c r="A7" s="1130" t="s">
        <v>1349</v>
      </c>
      <c r="B7" s="1131"/>
      <c r="C7" s="1131"/>
      <c r="D7" s="1131"/>
      <c r="E7" s="1131"/>
    </row>
    <row r="9" spans="1:11" ht="16.350000000000001" customHeight="1" thickBot="1">
      <c r="A9" s="9" t="s">
        <v>700</v>
      </c>
    </row>
    <row r="10" spans="1:11" s="2" customFormat="1" ht="30" customHeight="1">
      <c r="B10" s="491" t="s">
        <v>698</v>
      </c>
      <c r="C10" s="563" t="s">
        <v>852</v>
      </c>
      <c r="D10" s="492">
        <v>0</v>
      </c>
    </row>
    <row r="11" spans="1:11" s="2" customFormat="1" ht="30" customHeight="1" thickBot="1">
      <c r="B11" s="493" t="s">
        <v>677</v>
      </c>
      <c r="C11" s="494" t="s">
        <v>699</v>
      </c>
      <c r="D11" s="495">
        <v>0</v>
      </c>
    </row>
    <row r="13" spans="1:11" ht="15" thickBot="1">
      <c r="A13" s="9" t="s">
        <v>704</v>
      </c>
    </row>
    <row r="14" spans="1:11" ht="13.8" thickBot="1">
      <c r="B14" s="1123" t="s">
        <v>92</v>
      </c>
      <c r="C14" s="1124"/>
      <c r="D14" s="60" t="s">
        <v>93</v>
      </c>
    </row>
    <row r="15" spans="1:11" ht="30" customHeight="1" thickTop="1">
      <c r="B15" s="564" t="s">
        <v>706</v>
      </c>
      <c r="C15" s="498" t="s">
        <v>709</v>
      </c>
      <c r="D15" s="104"/>
    </row>
    <row r="16" spans="1:11" ht="30" customHeight="1">
      <c r="B16" s="517" t="s">
        <v>1350</v>
      </c>
      <c r="C16" s="518" t="s">
        <v>781</v>
      </c>
      <c r="D16" s="419"/>
    </row>
    <row r="17" spans="1:5" ht="30" customHeight="1">
      <c r="B17" s="517" t="s">
        <v>816</v>
      </c>
      <c r="C17" s="518" t="s">
        <v>782</v>
      </c>
      <c r="D17" s="419"/>
    </row>
    <row r="18" spans="1:5" ht="30" customHeight="1">
      <c r="B18" s="517" t="s">
        <v>779</v>
      </c>
      <c r="C18" s="518" t="s">
        <v>783</v>
      </c>
      <c r="D18" s="419"/>
    </row>
    <row r="19" spans="1:5" ht="30" customHeight="1" thickBot="1">
      <c r="B19" s="496" t="s">
        <v>780</v>
      </c>
      <c r="C19" s="500" t="s">
        <v>381</v>
      </c>
      <c r="D19" s="501"/>
    </row>
    <row r="20" spans="1:5" ht="30" customHeight="1" thickTop="1" thickBot="1">
      <c r="B20" s="1125" t="s">
        <v>707</v>
      </c>
      <c r="C20" s="1126"/>
      <c r="D20" s="499">
        <f>SUM(D15:D19)</f>
        <v>0</v>
      </c>
    </row>
    <row r="21" spans="1:5">
      <c r="C21" s="423" t="s">
        <v>708</v>
      </c>
      <c r="D21" s="420"/>
      <c r="E21" s="421"/>
    </row>
    <row r="23" spans="1:5" ht="13.8" thickBot="1">
      <c r="C23" t="s">
        <v>1351</v>
      </c>
    </row>
    <row r="24" spans="1:5" ht="72" customHeight="1" thickBot="1">
      <c r="C24" s="1127"/>
      <c r="D24" s="1128"/>
      <c r="E24" s="1129"/>
    </row>
    <row r="27" spans="1:5" ht="15" thickBot="1">
      <c r="A27" s="9" t="s">
        <v>705</v>
      </c>
    </row>
    <row r="28" spans="1:5" s="2" customFormat="1" ht="30" customHeight="1">
      <c r="B28" s="491" t="s">
        <v>685</v>
      </c>
      <c r="C28" s="563" t="s">
        <v>701</v>
      </c>
      <c r="D28" s="492">
        <v>0</v>
      </c>
    </row>
    <row r="29" spans="1:5" s="2" customFormat="1" ht="30" customHeight="1" thickBot="1">
      <c r="B29" s="493" t="s">
        <v>702</v>
      </c>
      <c r="C29" s="497" t="s">
        <v>703</v>
      </c>
      <c r="D29" s="495">
        <v>0</v>
      </c>
    </row>
    <row r="31" spans="1:5">
      <c r="C31" t="s">
        <v>721</v>
      </c>
    </row>
    <row r="32" spans="1:5" ht="13.8" thickBot="1">
      <c r="C32" t="s">
        <v>710</v>
      </c>
    </row>
    <row r="33" spans="3:5" ht="72" customHeight="1" thickBot="1">
      <c r="C33" s="1127"/>
      <c r="D33" s="1128"/>
      <c r="E33" s="1129"/>
    </row>
  </sheetData>
  <mergeCells count="6">
    <mergeCell ref="D5:E5"/>
    <mergeCell ref="B14:C14"/>
    <mergeCell ref="B20:C20"/>
    <mergeCell ref="C24:E24"/>
    <mergeCell ref="C33:E33"/>
    <mergeCell ref="A7:E7"/>
  </mergeCells>
  <phoneticPr fontId="7"/>
  <dataValidations count="2">
    <dataValidation operator="greaterThanOrEqual" allowBlank="1" showErrorMessage="1" sqref="E21 D20" xr:uid="{00000000-0002-0000-0E00-000001000000}"/>
    <dataValidation allowBlank="1" showInputMessage="1" showErrorMessage="1" prompt="該当する契約件数を記入する。" sqref="D15:D19" xr:uid="{00000000-0002-0000-0E00-000000000000}"/>
  </dataValidations>
  <pageMargins left="0.7" right="0.7" top="0.75" bottom="0.75" header="0.3" footer="0.3"/>
  <pageSetup paperSize="9" orientation="portrait" horizontalDpi="4294967293" verticalDpi="0" r:id="rId1"/>
  <drawing r:id="rId2"/>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20">
    <pageSetUpPr fitToPage="1"/>
  </sheetPr>
  <dimension ref="B1:S64"/>
  <sheetViews>
    <sheetView tabSelected="1" zoomScaleNormal="100" zoomScaleSheetLayoutView="100" workbookViewId="0"/>
  </sheetViews>
  <sheetFormatPr defaultColWidth="8.88671875" defaultRowHeight="13.2"/>
  <cols>
    <col min="1" max="1" width="1.77734375" style="555" customWidth="1"/>
    <col min="2" max="2" width="5.33203125" style="555" customWidth="1"/>
    <col min="3" max="3" width="13" style="555" customWidth="1"/>
    <col min="4" max="4" width="9.21875" style="555" customWidth="1"/>
    <col min="5" max="5" width="14.77734375" style="555" customWidth="1"/>
    <col min="6" max="7" width="8.77734375" style="555" customWidth="1"/>
    <col min="8" max="8" width="13.77734375" style="555" customWidth="1"/>
    <col min="9" max="9" width="12.77734375" style="555" customWidth="1"/>
    <col min="10" max="10" width="14.77734375" style="555" customWidth="1"/>
    <col min="11" max="11" width="1.77734375" style="635" customWidth="1"/>
    <col min="12" max="16384" width="8.88671875" style="555"/>
  </cols>
  <sheetData>
    <row r="1" spans="2:14" ht="19.5" customHeight="1">
      <c r="J1" s="251" t="s">
        <v>731</v>
      </c>
    </row>
    <row r="2" spans="2:14" s="524" customFormat="1" ht="10.199999999999999" customHeight="1">
      <c r="H2" s="526"/>
      <c r="K2" s="636"/>
    </row>
    <row r="3" spans="2:14" s="638" customFormat="1" ht="21">
      <c r="B3" s="1178" t="s">
        <v>1243</v>
      </c>
      <c r="C3" s="1178"/>
      <c r="D3" s="1178"/>
      <c r="E3" s="1178"/>
      <c r="F3" s="1178"/>
      <c r="G3" s="1178"/>
      <c r="H3" s="1178"/>
      <c r="I3" s="1178"/>
      <c r="J3" s="1178"/>
      <c r="K3" s="637"/>
    </row>
    <row r="4" spans="2:14" s="524" customFormat="1" ht="6.6" customHeight="1">
      <c r="K4" s="636"/>
    </row>
    <row r="5" spans="2:14" s="256" customFormat="1">
      <c r="F5" s="560" t="s">
        <v>109</v>
      </c>
      <c r="G5" s="1248" t="str">
        <f>【調達機関情報】!D69</f>
        <v>　</v>
      </c>
      <c r="H5" s="1248"/>
      <c r="I5" s="1248"/>
      <c r="J5" s="1248"/>
      <c r="M5" s="522"/>
      <c r="N5" s="522"/>
    </row>
    <row r="6" spans="2:14" s="256" customFormat="1" ht="6.6" customHeight="1" thickBot="1">
      <c r="M6" s="522"/>
      <c r="N6" s="522"/>
    </row>
    <row r="7" spans="2:14" s="441" customFormat="1" ht="13.8" customHeight="1" thickBot="1">
      <c r="C7" s="1249" t="s">
        <v>843</v>
      </c>
      <c r="D7" s="1249"/>
      <c r="E7" s="1249"/>
      <c r="F7" s="1249"/>
      <c r="G7" s="1249"/>
      <c r="H7" s="1249"/>
      <c r="I7" s="1250"/>
      <c r="J7" s="442"/>
      <c r="M7" s="523"/>
      <c r="N7" s="523"/>
    </row>
    <row r="8" spans="2:14" s="441" customFormat="1" ht="13.8" customHeight="1" thickBot="1">
      <c r="C8" s="844"/>
      <c r="D8" s="845"/>
      <c r="E8" s="845"/>
      <c r="F8" s="845"/>
      <c r="G8" s="845"/>
      <c r="H8" s="845"/>
      <c r="I8" s="845"/>
      <c r="J8" s="634"/>
      <c r="M8" s="523"/>
      <c r="N8" s="523"/>
    </row>
    <row r="9" spans="2:14" s="644" customFormat="1" ht="16.95" customHeight="1" thickTop="1" thickBot="1">
      <c r="F9" s="705" t="s">
        <v>1150</v>
      </c>
      <c r="G9" s="655"/>
      <c r="H9" s="672" t="s">
        <v>980</v>
      </c>
    </row>
    <row r="10" spans="2:14" s="644" customFormat="1" ht="9.4499999999999993" customHeight="1" thickTop="1" thickBot="1">
      <c r="D10" s="672"/>
      <c r="K10" s="647"/>
    </row>
    <row r="11" spans="2:14" s="639" customFormat="1" ht="27.45" customHeight="1" thickBot="1">
      <c r="B11" s="1210" t="s">
        <v>1097</v>
      </c>
      <c r="C11" s="1211"/>
      <c r="D11" s="700">
        <v>1</v>
      </c>
      <c r="E11" s="703" t="s">
        <v>1098</v>
      </c>
      <c r="K11" s="640"/>
    </row>
    <row r="12" spans="2:14" s="644" customFormat="1" ht="27" customHeight="1">
      <c r="B12" s="1214" t="s">
        <v>1088</v>
      </c>
      <c r="C12" s="699" t="s">
        <v>941</v>
      </c>
      <c r="D12" s="1221"/>
      <c r="E12" s="1222"/>
      <c r="F12" s="1222"/>
      <c r="G12" s="1222"/>
      <c r="H12" s="641" t="s">
        <v>942</v>
      </c>
      <c r="I12" s="642"/>
      <c r="J12" s="643" t="s">
        <v>943</v>
      </c>
    </row>
    <row r="13" spans="2:14" s="644" customFormat="1" ht="27" customHeight="1" thickBot="1">
      <c r="B13" s="1215"/>
      <c r="C13" s="645" t="s">
        <v>944</v>
      </c>
      <c r="D13" s="1223"/>
      <c r="E13" s="1224"/>
      <c r="F13" s="1224"/>
      <c r="G13" s="1223"/>
      <c r="H13" s="646" t="s">
        <v>945</v>
      </c>
      <c r="I13" s="1223"/>
      <c r="J13" s="1252"/>
      <c r="K13" s="647"/>
    </row>
    <row r="14" spans="2:14" s="644" customFormat="1" ht="30" customHeight="1" thickTop="1" thickBot="1">
      <c r="B14" s="1215"/>
      <c r="C14" s="1212" t="s">
        <v>1156</v>
      </c>
      <c r="D14" s="1213"/>
      <c r="E14" s="762"/>
      <c r="F14" s="707" t="s">
        <v>949</v>
      </c>
      <c r="G14" s="696" t="str">
        <f>IF( $E14&lt;&gt;"",IF(MATCH($E14,一覧!$B$17:$B$22,0)&gt;3,"",MATCH($E14,一覧!$B$17:$B$22,0)),"" )</f>
        <v/>
      </c>
      <c r="H14" s="670" t="s">
        <v>1155</v>
      </c>
      <c r="I14" s="268"/>
      <c r="J14" s="671" t="s">
        <v>1154</v>
      </c>
    </row>
    <row r="15" spans="2:14" s="644" customFormat="1" ht="19.95" customHeight="1" thickTop="1" thickBot="1">
      <c r="B15" s="1215"/>
      <c r="C15" s="645" t="s">
        <v>946</v>
      </c>
      <c r="D15" s="648" t="s">
        <v>947</v>
      </c>
      <c r="E15" s="1253"/>
      <c r="F15" s="1254"/>
      <c r="G15" s="649" t="s">
        <v>949</v>
      </c>
      <c r="H15" s="650" t="s">
        <v>950</v>
      </c>
      <c r="I15" s="696" t="str">
        <f>IF( $E15&lt;&gt;"",VLOOKUP($E15,一覧!$H$3:$I$49,2,FALSE),"" )</f>
        <v/>
      </c>
      <c r="J15" s="697" t="str">
        <f>IF($I15="","",VLOOKUP($I15,一覧!$D$3:$E$11,2,FALSE))</f>
        <v/>
      </c>
      <c r="K15" s="647"/>
    </row>
    <row r="16" spans="2:14" s="644" customFormat="1" ht="30" customHeight="1" thickTop="1" thickBot="1">
      <c r="B16" s="1215"/>
      <c r="C16" s="1255" t="s">
        <v>1090</v>
      </c>
      <c r="D16" s="1256"/>
      <c r="E16" s="651"/>
      <c r="F16" s="668" t="s">
        <v>951</v>
      </c>
      <c r="G16" s="669" t="s">
        <v>949</v>
      </c>
      <c r="H16" s="646" t="s">
        <v>952</v>
      </c>
      <c r="I16" s="696" t="str">
        <f ca="1">IF( AND($E16&gt;0,$G14&lt;&gt;""),MATCH($E16,OFFSET(一覧!$K$2,$G14*14-13,0,4),1),"" )</f>
        <v/>
      </c>
      <c r="J16" s="706" t="str">
        <f ca="1">IF($I16="","",VLOOKUP($I16,OFFSET(一覧!$M$2,$G14*14-13,0,4,2),2,FALSE))</f>
        <v/>
      </c>
      <c r="K16" s="647"/>
    </row>
    <row r="17" spans="2:19" s="644" customFormat="1" ht="19.95" customHeight="1" thickTop="1" thickBot="1">
      <c r="B17" s="1215"/>
      <c r="C17" s="1209" t="s">
        <v>740</v>
      </c>
      <c r="D17" s="1225" t="s">
        <v>1091</v>
      </c>
      <c r="E17" s="1226"/>
      <c r="F17" s="1227"/>
      <c r="G17" s="1228"/>
      <c r="H17" s="1229"/>
      <c r="I17" s="1195" t="s">
        <v>1192</v>
      </c>
      <c r="J17" s="1182"/>
    </row>
    <row r="18" spans="2:19" s="644" customFormat="1" ht="19.95" customHeight="1" thickTop="1" thickBot="1">
      <c r="B18" s="1215"/>
      <c r="C18" s="1209"/>
      <c r="D18" s="1185" t="s">
        <v>1092</v>
      </c>
      <c r="E18" s="1186"/>
      <c r="F18" s="1187"/>
      <c r="G18" s="1188"/>
      <c r="H18" s="1189"/>
      <c r="I18" s="1196"/>
      <c r="J18" s="1183"/>
    </row>
    <row r="19" spans="2:19" s="644" customFormat="1" ht="19.95" customHeight="1" thickTop="1" thickBot="1">
      <c r="B19" s="1216"/>
      <c r="C19" s="1209"/>
      <c r="D19" s="1190" t="s">
        <v>1093</v>
      </c>
      <c r="E19" s="1191"/>
      <c r="F19" s="1192"/>
      <c r="G19" s="1193"/>
      <c r="H19" s="1194"/>
      <c r="I19" s="1197"/>
      <c r="J19" s="1184"/>
    </row>
    <row r="20" spans="2:19" s="644" customFormat="1" ht="19.95" customHeight="1">
      <c r="B20" s="1179" t="s">
        <v>1089</v>
      </c>
      <c r="C20" s="1230" t="s">
        <v>953</v>
      </c>
      <c r="D20" s="1231"/>
      <c r="E20" s="1232"/>
      <c r="F20" s="1233" t="s">
        <v>954</v>
      </c>
      <c r="G20" s="1234"/>
      <c r="H20" s="1235"/>
      <c r="I20" s="1257" t="s">
        <v>955</v>
      </c>
      <c r="J20" s="1258"/>
      <c r="K20" s="647"/>
      <c r="L20" s="1251" t="s">
        <v>1147</v>
      </c>
      <c r="M20" s="1251"/>
      <c r="N20" s="1251"/>
      <c r="O20" s="1251"/>
      <c r="P20" s="1251"/>
      <c r="Q20" s="1251"/>
      <c r="R20" s="1251"/>
      <c r="S20" s="1251"/>
    </row>
    <row r="21" spans="2:19" s="644" customFormat="1" ht="36" customHeight="1" thickBot="1">
      <c r="B21" s="1180"/>
      <c r="C21" s="723" t="s">
        <v>956</v>
      </c>
      <c r="D21" s="724" t="s">
        <v>957</v>
      </c>
      <c r="E21" s="725" t="s">
        <v>1094</v>
      </c>
      <c r="F21" s="1259" t="s">
        <v>958</v>
      </c>
      <c r="G21" s="1260"/>
      <c r="H21" s="726" t="s">
        <v>959</v>
      </c>
      <c r="I21" s="727" t="s">
        <v>1095</v>
      </c>
      <c r="J21" s="728" t="s">
        <v>960</v>
      </c>
      <c r="K21" s="647"/>
      <c r="L21" s="701" t="s">
        <v>1099</v>
      </c>
      <c r="M21" s="701" t="s">
        <v>1100</v>
      </c>
      <c r="N21" s="701" t="s">
        <v>1101</v>
      </c>
      <c r="O21" s="701" t="s">
        <v>1102</v>
      </c>
      <c r="P21" s="701" t="s">
        <v>1103</v>
      </c>
      <c r="Q21" s="701" t="s">
        <v>1104</v>
      </c>
      <c r="R21" s="701" t="s">
        <v>1105</v>
      </c>
      <c r="S21" s="701" t="s">
        <v>1106</v>
      </c>
    </row>
    <row r="22" spans="2:19" s="644" customFormat="1" ht="19.95" customHeight="1" thickTop="1" thickBot="1">
      <c r="B22" s="1180"/>
      <c r="C22" s="678" t="s">
        <v>961</v>
      </c>
      <c r="D22" s="673" t="s">
        <v>962</v>
      </c>
      <c r="E22" s="652"/>
      <c r="F22" s="729">
        <v>8.64</v>
      </c>
      <c r="G22" s="730" t="str">
        <f>IF(D22="kWh","MJ/kWh","GJ/千kWh")</f>
        <v>MJ/kWh</v>
      </c>
      <c r="H22" s="731">
        <f>IF(D22="kWh",E22*F22/10^3,E22*F22)</f>
        <v>0</v>
      </c>
      <c r="I22" s="732">
        <v>0.41599999999999998</v>
      </c>
      <c r="J22" s="733">
        <f>IF(D22="kWh",I22*E22/10^3,I22*E22)</f>
        <v>0</v>
      </c>
      <c r="K22" s="647"/>
      <c r="L22" s="702">
        <f t="shared" ref="L22:L28" si="0">SUM(M22:S22)</f>
        <v>0</v>
      </c>
      <c r="M22" s="702"/>
      <c r="N22" s="702"/>
      <c r="O22" s="702"/>
      <c r="P22" s="702"/>
      <c r="Q22" s="702"/>
      <c r="R22" s="702"/>
      <c r="S22" s="702"/>
    </row>
    <row r="23" spans="2:19" s="644" customFormat="1" ht="19.95" customHeight="1" thickTop="1" thickBot="1">
      <c r="B23" s="1180"/>
      <c r="C23" s="678" t="s">
        <v>963</v>
      </c>
      <c r="D23" s="674" t="s">
        <v>964</v>
      </c>
      <c r="E23" s="652"/>
      <c r="F23" s="734">
        <v>40</v>
      </c>
      <c r="G23" s="730" t="str">
        <f>IF(D23="㎥","MJ/㎥","GJ/千㎥")</f>
        <v>MJ/㎥</v>
      </c>
      <c r="H23" s="731">
        <f>IF(D23="㎥",E23*F23/10^3,E23*F23)</f>
        <v>0</v>
      </c>
      <c r="I23" s="735">
        <v>2.0499999999999998</v>
      </c>
      <c r="J23" s="733">
        <f>IF(D23="㎥",I23*E23/10^3,I23*E23)</f>
        <v>0</v>
      </c>
      <c r="K23" s="647"/>
      <c r="L23" s="702">
        <f t="shared" si="0"/>
        <v>0</v>
      </c>
      <c r="M23" s="702"/>
      <c r="N23" s="702"/>
      <c r="O23" s="702"/>
      <c r="P23" s="702"/>
      <c r="Q23" s="702"/>
      <c r="R23" s="702"/>
      <c r="S23" s="702"/>
    </row>
    <row r="24" spans="2:19" s="644" customFormat="1" ht="19.95" customHeight="1" thickTop="1" thickBot="1">
      <c r="B24" s="1180"/>
      <c r="C24" s="678" t="s">
        <v>965</v>
      </c>
      <c r="D24" s="674" t="s">
        <v>1149</v>
      </c>
      <c r="E24" s="652"/>
      <c r="F24" s="734">
        <v>50.1</v>
      </c>
      <c r="G24" s="730" t="str">
        <f>IF(D24="kg","MJ/kg","GJ/t")</f>
        <v>MJ/kg</v>
      </c>
      <c r="H24" s="731">
        <f>IF(D24="kg",E24*F24/10^3,E24*F24)</f>
        <v>0</v>
      </c>
      <c r="I24" s="736">
        <f>0.0163*44/12</f>
        <v>5.9766666666666662E-2</v>
      </c>
      <c r="J24" s="733">
        <f t="shared" ref="J24" si="1">H24*I24</f>
        <v>0</v>
      </c>
      <c r="K24" s="647"/>
      <c r="L24" s="702">
        <f t="shared" si="0"/>
        <v>0</v>
      </c>
      <c r="M24" s="702"/>
      <c r="N24" s="702"/>
      <c r="O24" s="702"/>
      <c r="P24" s="702"/>
      <c r="Q24" s="702"/>
      <c r="R24" s="702"/>
      <c r="S24" s="702"/>
    </row>
    <row r="25" spans="2:19" s="644" customFormat="1" ht="19.95" customHeight="1" thickTop="1" thickBot="1">
      <c r="B25" s="1180"/>
      <c r="C25" s="678" t="s">
        <v>966</v>
      </c>
      <c r="D25" s="675" t="s">
        <v>967</v>
      </c>
      <c r="E25" s="652"/>
      <c r="F25" s="729">
        <v>1.19</v>
      </c>
      <c r="G25" s="737" t="s">
        <v>968</v>
      </c>
      <c r="H25" s="731">
        <f t="shared" ref="H25" si="2">E25*F25</f>
        <v>0</v>
      </c>
      <c r="I25" s="736">
        <v>6.54E-2</v>
      </c>
      <c r="J25" s="733">
        <f>H25*I25</f>
        <v>0</v>
      </c>
      <c r="K25" s="647"/>
      <c r="L25" s="702">
        <f t="shared" si="0"/>
        <v>0</v>
      </c>
      <c r="M25" s="702"/>
      <c r="N25" s="702"/>
      <c r="O25" s="702"/>
      <c r="P25" s="702"/>
      <c r="Q25" s="702"/>
      <c r="R25" s="702"/>
      <c r="S25" s="702"/>
    </row>
    <row r="26" spans="2:19" s="644" customFormat="1" ht="19.95" customHeight="1" thickTop="1" thickBot="1">
      <c r="B26" s="1180"/>
      <c r="C26" s="678" t="s">
        <v>969</v>
      </c>
      <c r="D26" s="673" t="s">
        <v>1148</v>
      </c>
      <c r="E26" s="653"/>
      <c r="F26" s="738">
        <v>36.5</v>
      </c>
      <c r="G26" s="739" t="str">
        <f>IF(D26="L","MJ/L","GJ/kL")</f>
        <v>MJ/L</v>
      </c>
      <c r="H26" s="731">
        <f>IF(D26="L",E26*F26/10^3,E26*F26)</f>
        <v>0</v>
      </c>
      <c r="I26" s="736">
        <f>0.0187*44/12</f>
        <v>6.8566666666666679E-2</v>
      </c>
      <c r="J26" s="733">
        <f t="shared" ref="J26:J28" si="3">H26*I26</f>
        <v>0</v>
      </c>
      <c r="K26" s="647"/>
      <c r="L26" s="702">
        <f t="shared" si="0"/>
        <v>0</v>
      </c>
      <c r="M26" s="702"/>
      <c r="N26" s="702"/>
      <c r="O26" s="702"/>
      <c r="P26" s="702"/>
      <c r="Q26" s="702"/>
      <c r="R26" s="702"/>
      <c r="S26" s="702"/>
    </row>
    <row r="27" spans="2:19" s="644" customFormat="1" ht="19.95" customHeight="1" thickTop="1" thickBot="1">
      <c r="B27" s="1180"/>
      <c r="C27" s="678" t="s">
        <v>971</v>
      </c>
      <c r="D27" s="673" t="s">
        <v>1148</v>
      </c>
      <c r="E27" s="653"/>
      <c r="F27" s="738">
        <v>38</v>
      </c>
      <c r="G27" s="739" t="str">
        <f t="shared" ref="G27:G28" si="4">IF(D27="L","MJ/L","GJ/kL")</f>
        <v>MJ/L</v>
      </c>
      <c r="H27" s="731">
        <f>IF(D27="L",E27*F27/10^3,E27*F27)</f>
        <v>0</v>
      </c>
      <c r="I27" s="736">
        <f>0.0188*44/12</f>
        <v>6.8933333333333333E-2</v>
      </c>
      <c r="J27" s="733">
        <f t="shared" si="3"/>
        <v>0</v>
      </c>
      <c r="K27" s="647"/>
      <c r="L27" s="702">
        <f t="shared" si="0"/>
        <v>0</v>
      </c>
      <c r="M27" s="702"/>
      <c r="N27" s="702"/>
      <c r="O27" s="702"/>
      <c r="P27" s="702"/>
      <c r="Q27" s="702"/>
      <c r="R27" s="702"/>
      <c r="S27" s="702"/>
    </row>
    <row r="28" spans="2:19" s="644" customFormat="1" ht="19.95" customHeight="1" thickTop="1" thickBot="1">
      <c r="B28" s="1180"/>
      <c r="C28" s="679" t="s">
        <v>972</v>
      </c>
      <c r="D28" s="673" t="s">
        <v>1148</v>
      </c>
      <c r="E28" s="654"/>
      <c r="F28" s="740">
        <v>38.9</v>
      </c>
      <c r="G28" s="741" t="str">
        <f t="shared" si="4"/>
        <v>MJ/L</v>
      </c>
      <c r="H28" s="742">
        <f t="shared" ref="H28" si="5">IF(D28="L",E28*F28/10^3,E28*F28)</f>
        <v>0</v>
      </c>
      <c r="I28" s="743">
        <f>0.0193*44/12</f>
        <v>7.0766666666666672E-2</v>
      </c>
      <c r="J28" s="744">
        <f t="shared" si="3"/>
        <v>0</v>
      </c>
      <c r="K28" s="647"/>
      <c r="L28" s="702">
        <f t="shared" si="0"/>
        <v>0</v>
      </c>
      <c r="M28" s="702"/>
      <c r="N28" s="702"/>
      <c r="O28" s="702"/>
      <c r="P28" s="702"/>
      <c r="Q28" s="702"/>
      <c r="R28" s="702"/>
      <c r="S28" s="702"/>
    </row>
    <row r="29" spans="2:19" s="644" customFormat="1" ht="19.95" customHeight="1" thickTop="1">
      <c r="B29" s="1180"/>
      <c r="C29" s="1261" t="s">
        <v>973</v>
      </c>
      <c r="D29" s="1262"/>
      <c r="E29" s="1263"/>
      <c r="F29" s="745"/>
      <c r="G29" s="746"/>
      <c r="H29" s="747">
        <f>SUM(H22:H28)</f>
        <v>0</v>
      </c>
      <c r="I29" s="748"/>
      <c r="J29" s="747">
        <f>SUM(J22:J28)</f>
        <v>0</v>
      </c>
      <c r="K29" s="647"/>
    </row>
    <row r="30" spans="2:19" s="644" customFormat="1" ht="19.95" customHeight="1">
      <c r="B30" s="1180"/>
      <c r="C30" s="1220" t="s">
        <v>974</v>
      </c>
      <c r="D30" s="1199"/>
      <c r="E30" s="1200"/>
      <c r="F30" s="749"/>
      <c r="G30" s="750" t="s">
        <v>975</v>
      </c>
      <c r="H30" s="751" t="str">
        <f>IF($E16=0,"",$H29*10^3/$E16)</f>
        <v/>
      </c>
      <c r="I30" s="752" t="s">
        <v>976</v>
      </c>
      <c r="J30" s="753" t="str">
        <f>IF(E16=0,"",J29*10^3/E16)</f>
        <v/>
      </c>
      <c r="K30" s="647"/>
    </row>
    <row r="31" spans="2:19" s="644" customFormat="1" ht="19.95" customHeight="1" thickBot="1">
      <c r="B31" s="1180"/>
      <c r="C31" s="1198" t="s">
        <v>977</v>
      </c>
      <c r="D31" s="1199"/>
      <c r="E31" s="1200"/>
      <c r="F31" s="1201">
        <f ca="1">IF( AND(I15&lt;&gt;"",I16&lt;&gt;""), ROUND(1/OFFSET(一覧!$Q$2,G14*14-14+I16,I15),3), 0 )</f>
        <v>0</v>
      </c>
      <c r="G31" s="1202"/>
      <c r="H31" s="754" t="str">
        <f ca="1">IF(F31=0,"",H30*F31)</f>
        <v/>
      </c>
      <c r="I31" s="755">
        <f ca="1">IF( AND(I15&lt;&gt;"",I16&lt;&gt;""), ROUND(1/OFFSET(一覧!$Q$9,$G14*14-14+$I16,$I15),3), 0 )</f>
        <v>0</v>
      </c>
      <c r="J31" s="756" t="str">
        <f ca="1">IF(I31=0,"",J30*I31)</f>
        <v/>
      </c>
      <c r="K31" s="647"/>
    </row>
    <row r="32" spans="2:19" s="644" customFormat="1" ht="36" customHeight="1" thickTop="1" thickBot="1">
      <c r="B32" s="1180"/>
      <c r="C32" s="1203" t="s">
        <v>978</v>
      </c>
      <c r="D32" s="1204"/>
      <c r="E32" s="1205"/>
      <c r="F32" s="1282"/>
      <c r="G32" s="1283"/>
      <c r="H32" s="758" t="str">
        <f ca="1">IF( $H31&lt;&gt;"",INDEX( OFFSET(一覧!$AD$2,$G14*14-12,0,10),MATCH($H31,OFFSET(一覧!$AB$2,$G14*14-12,0,10),1)),"")</f>
        <v/>
      </c>
      <c r="I32" s="761"/>
      <c r="J32" s="759" t="str">
        <f ca="1">IF( $J31&lt;&gt;"",INDEX( OFFSET(一覧!$AH$2,$G14*14-12,0,10),MATCH($J31,OFFSET(一覧!$AF$2,$G14*14-12,0,10),1)),"")</f>
        <v/>
      </c>
      <c r="K32" s="647"/>
      <c r="L32" s="764" t="s">
        <v>1193</v>
      </c>
    </row>
    <row r="33" spans="2:11" s="644" customFormat="1" ht="94.2" customHeight="1" thickBot="1">
      <c r="B33" s="1180"/>
      <c r="C33" s="835" t="s">
        <v>1322</v>
      </c>
      <c r="D33" s="1206"/>
      <c r="E33" s="1207"/>
      <c r="F33" s="1207"/>
      <c r="G33" s="1207"/>
      <c r="H33" s="1207"/>
      <c r="I33" s="1207"/>
      <c r="J33" s="1208"/>
      <c r="K33" s="647"/>
    </row>
    <row r="34" spans="2:11" s="644" customFormat="1" ht="94.2" customHeight="1" thickBot="1">
      <c r="B34" s="1180"/>
      <c r="C34" s="757" t="s">
        <v>979</v>
      </c>
      <c r="D34" s="1206"/>
      <c r="E34" s="1207"/>
      <c r="F34" s="1207"/>
      <c r="G34" s="1207"/>
      <c r="H34" s="1207"/>
      <c r="I34" s="1207"/>
      <c r="J34" s="1208"/>
      <c r="K34" s="647"/>
    </row>
    <row r="35" spans="2:11" s="644" customFormat="1" ht="16.2" customHeight="1">
      <c r="B35" s="1180"/>
      <c r="C35" s="1279" t="s">
        <v>1213</v>
      </c>
      <c r="D35" s="1280"/>
      <c r="E35" s="1280"/>
      <c r="F35" s="1280"/>
      <c r="G35" s="1280"/>
      <c r="H35" s="1280"/>
      <c r="I35" s="1280"/>
      <c r="J35" s="1281"/>
      <c r="K35" s="647"/>
    </row>
    <row r="36" spans="2:11" s="644" customFormat="1" ht="31.95" customHeight="1" thickBot="1">
      <c r="B36" s="1181"/>
      <c r="C36" s="1276" t="s">
        <v>1214</v>
      </c>
      <c r="D36" s="1277"/>
      <c r="E36" s="1277"/>
      <c r="F36" s="1277"/>
      <c r="G36" s="1277"/>
      <c r="H36" s="1277"/>
      <c r="I36" s="1277"/>
      <c r="J36" s="1278"/>
      <c r="K36" s="647"/>
    </row>
    <row r="37" spans="2:11" s="644" customFormat="1" ht="19.95" customHeight="1" thickTop="1" thickBot="1">
      <c r="B37" s="1132" t="s">
        <v>832</v>
      </c>
      <c r="C37" s="1143" t="s">
        <v>1327</v>
      </c>
      <c r="D37" s="1144"/>
      <c r="E37" s="834"/>
      <c r="F37" s="676"/>
      <c r="G37" s="676"/>
      <c r="H37" s="676"/>
      <c r="I37" s="676"/>
      <c r="J37" s="691"/>
    </row>
    <row r="38" spans="2:11" s="644" customFormat="1" ht="16.05" customHeight="1" thickTop="1" thickBot="1">
      <c r="B38" s="1133"/>
      <c r="C38" s="1147" t="s">
        <v>1335</v>
      </c>
      <c r="D38" s="1141" t="s">
        <v>1328</v>
      </c>
      <c r="E38" s="840" t="s">
        <v>1329</v>
      </c>
      <c r="F38" s="1149">
        <v>0</v>
      </c>
      <c r="G38" s="1149"/>
      <c r="H38" s="676"/>
      <c r="I38" s="676"/>
      <c r="J38" s="677"/>
    </row>
    <row r="39" spans="2:11" s="644" customFormat="1" ht="16.05" customHeight="1" thickTop="1" thickBot="1">
      <c r="B39" s="1133"/>
      <c r="C39" s="1148"/>
      <c r="D39" s="1145"/>
      <c r="E39" s="839" t="s">
        <v>1330</v>
      </c>
      <c r="F39" s="1137"/>
      <c r="G39" s="1138"/>
      <c r="H39" s="676"/>
      <c r="I39" s="676"/>
      <c r="J39" s="677"/>
    </row>
    <row r="40" spans="2:11" ht="16.05" customHeight="1" thickTop="1">
      <c r="B40" s="1133"/>
      <c r="C40" s="1148"/>
      <c r="D40" s="1146"/>
      <c r="E40" s="837" t="s">
        <v>1332</v>
      </c>
      <c r="F40" s="841">
        <v>0</v>
      </c>
      <c r="G40" s="842">
        <v>0</v>
      </c>
      <c r="H40" s="1139" t="s">
        <v>1341</v>
      </c>
      <c r="I40" s="1057"/>
      <c r="J40" s="1140"/>
      <c r="K40" s="555"/>
    </row>
    <row r="41" spans="2:11" ht="15.6" customHeight="1">
      <c r="B41" s="1133"/>
      <c r="C41" s="1148"/>
      <c r="D41" s="1141" t="s">
        <v>1331</v>
      </c>
      <c r="E41" s="837" t="s">
        <v>1333</v>
      </c>
      <c r="F41" s="1135">
        <v>0</v>
      </c>
      <c r="G41" s="1135"/>
      <c r="H41" s="1139" t="s">
        <v>1342</v>
      </c>
      <c r="I41" s="1057"/>
      <c r="J41" s="1140"/>
      <c r="K41" s="555"/>
    </row>
    <row r="42" spans="2:11" ht="16.05" customHeight="1" thickBot="1">
      <c r="B42" s="1134"/>
      <c r="C42" s="1059"/>
      <c r="D42" s="1142"/>
      <c r="E42" s="838" t="s">
        <v>1334</v>
      </c>
      <c r="F42" s="1136">
        <v>0</v>
      </c>
      <c r="G42" s="1136"/>
      <c r="H42" s="1139" t="s">
        <v>1343</v>
      </c>
      <c r="I42" s="1057"/>
      <c r="J42" s="1140"/>
      <c r="K42" s="555"/>
    </row>
    <row r="43" spans="2:11" s="644" customFormat="1" ht="15" customHeight="1" thickTop="1" thickBot="1">
      <c r="B43" s="1217" t="s">
        <v>600</v>
      </c>
      <c r="C43" s="1236" t="s">
        <v>599</v>
      </c>
      <c r="D43" s="1239" t="s">
        <v>598</v>
      </c>
      <c r="E43" s="688"/>
      <c r="F43" s="836" t="s">
        <v>597</v>
      </c>
      <c r="G43" s="836"/>
      <c r="H43" s="683"/>
      <c r="I43" s="760" t="s">
        <v>463</v>
      </c>
      <c r="J43" s="704"/>
    </row>
    <row r="44" spans="2:11" s="644" customFormat="1" ht="15" customHeight="1" thickBot="1">
      <c r="B44" s="1218"/>
      <c r="C44" s="1237"/>
      <c r="D44" s="1240"/>
      <c r="E44" s="689"/>
      <c r="F44" s="684" t="s">
        <v>596</v>
      </c>
      <c r="G44" s="684"/>
      <c r="H44" s="684"/>
      <c r="I44" s="709" t="s">
        <v>594</v>
      </c>
      <c r="J44" s="686"/>
    </row>
    <row r="45" spans="2:11" s="644" customFormat="1" ht="27" customHeight="1" thickBot="1">
      <c r="B45" s="1218"/>
      <c r="C45" s="1237"/>
      <c r="D45" s="1240"/>
      <c r="E45" s="689"/>
      <c r="F45" s="684" t="s">
        <v>801</v>
      </c>
      <c r="G45" s="684"/>
      <c r="H45" s="684"/>
      <c r="I45" s="852" t="s">
        <v>1368</v>
      </c>
      <c r="J45" s="1687"/>
    </row>
    <row r="46" spans="2:11" ht="15" customHeight="1" thickBot="1">
      <c r="B46" s="1218"/>
      <c r="C46" s="1237"/>
      <c r="D46" s="1241"/>
      <c r="E46" s="690"/>
      <c r="F46" s="685" t="s">
        <v>381</v>
      </c>
      <c r="G46" s="682" t="s">
        <v>595</v>
      </c>
      <c r="H46" s="1266"/>
      <c r="I46" s="1267"/>
      <c r="J46" s="1268"/>
      <c r="K46" s="555"/>
    </row>
    <row r="47" spans="2:11" ht="30" customHeight="1" thickTop="1" thickBot="1">
      <c r="B47" s="1218"/>
      <c r="C47" s="1237"/>
      <c r="D47" s="1287" t="s">
        <v>1352</v>
      </c>
      <c r="E47" s="848"/>
      <c r="F47" s="1284" t="s">
        <v>1362</v>
      </c>
      <c r="G47" s="1285"/>
      <c r="H47" s="1285"/>
      <c r="I47" s="1285"/>
      <c r="J47" s="1286"/>
      <c r="K47" s="555"/>
    </row>
    <row r="48" spans="2:11" ht="37.5" customHeight="1" thickTop="1" thickBot="1">
      <c r="B48" s="1218"/>
      <c r="C48" s="1237"/>
      <c r="D48" s="1288"/>
      <c r="E48" s="849" t="s">
        <v>1366</v>
      </c>
      <c r="F48" s="1289"/>
      <c r="G48" s="1290"/>
      <c r="H48" s="1291"/>
      <c r="I48" s="1292" t="s">
        <v>1363</v>
      </c>
      <c r="J48" s="1293"/>
      <c r="K48" s="555"/>
    </row>
    <row r="49" spans="2:11" ht="15" customHeight="1" thickTop="1" thickBot="1">
      <c r="B49" s="1218"/>
      <c r="C49" s="1237"/>
      <c r="D49" s="1242" t="s">
        <v>444</v>
      </c>
      <c r="E49" s="1137"/>
      <c r="F49" s="1244"/>
      <c r="G49" s="1245"/>
      <c r="H49" s="676"/>
      <c r="I49" s="846"/>
      <c r="J49" s="847"/>
      <c r="K49" s="555"/>
    </row>
    <row r="50" spans="2:11" ht="15" customHeight="1" thickTop="1" thickBot="1">
      <c r="B50" s="1218"/>
      <c r="C50" s="1238"/>
      <c r="D50" s="1243"/>
      <c r="E50" s="1246" t="s">
        <v>602</v>
      </c>
      <c r="F50" s="1247"/>
      <c r="G50" s="1273"/>
      <c r="H50" s="1274"/>
      <c r="I50" s="1274"/>
      <c r="J50" s="1275"/>
      <c r="K50" s="555"/>
    </row>
    <row r="51" spans="2:11" ht="15" customHeight="1" thickTop="1" thickBot="1">
      <c r="B51" s="1218"/>
      <c r="C51" s="1236" t="s">
        <v>108</v>
      </c>
      <c r="D51" s="1151" t="s">
        <v>803</v>
      </c>
      <c r="E51" s="1152"/>
      <c r="F51" s="1152"/>
      <c r="G51" s="687"/>
      <c r="H51" s="520"/>
      <c r="I51" s="520"/>
      <c r="J51" s="691"/>
      <c r="K51" s="555"/>
    </row>
    <row r="52" spans="2:11" ht="28.2" customHeight="1" thickTop="1" thickBot="1">
      <c r="B52" s="1218"/>
      <c r="C52" s="1237"/>
      <c r="D52" s="1269" t="s">
        <v>810</v>
      </c>
      <c r="E52" s="1270"/>
      <c r="F52" s="1271"/>
      <c r="G52" s="1272"/>
      <c r="H52" s="1270"/>
      <c r="I52" s="1270"/>
      <c r="J52" s="851"/>
      <c r="K52" s="555"/>
    </row>
    <row r="53" spans="2:11" ht="14.4" thickTop="1" thickBot="1">
      <c r="B53" s="1218"/>
      <c r="C53" s="1237"/>
      <c r="D53" s="1153" t="s">
        <v>804</v>
      </c>
      <c r="E53" s="1156" t="s">
        <v>806</v>
      </c>
      <c r="F53" s="693"/>
      <c r="G53" s="722" t="s">
        <v>807</v>
      </c>
      <c r="H53" s="680"/>
      <c r="I53" s="680"/>
      <c r="J53" s="692"/>
      <c r="K53" s="555"/>
    </row>
    <row r="54" spans="2:11" ht="13.8" thickBot="1">
      <c r="B54" s="1218"/>
      <c r="C54" s="1237"/>
      <c r="D54" s="1154"/>
      <c r="E54" s="1157"/>
      <c r="F54" s="694"/>
      <c r="G54" s="722" t="s">
        <v>808</v>
      </c>
      <c r="H54" s="680"/>
      <c r="I54" s="680"/>
      <c r="J54" s="681"/>
      <c r="K54" s="555"/>
    </row>
    <row r="55" spans="2:11" ht="13.8" thickBot="1">
      <c r="B55" s="1218"/>
      <c r="C55" s="1237"/>
      <c r="D55" s="1154"/>
      <c r="E55" s="1157"/>
      <c r="F55" s="694"/>
      <c r="G55" s="722" t="s">
        <v>809</v>
      </c>
      <c r="H55" s="680"/>
      <c r="I55" s="680"/>
      <c r="J55" s="681"/>
      <c r="K55" s="555"/>
    </row>
    <row r="56" spans="2:11" ht="45" customHeight="1" thickBot="1">
      <c r="B56" s="1218"/>
      <c r="C56" s="1237"/>
      <c r="D56" s="1155"/>
      <c r="E56" s="1158"/>
      <c r="F56" s="695"/>
      <c r="G56" s="722" t="s">
        <v>381</v>
      </c>
      <c r="H56" s="682" t="s">
        <v>595</v>
      </c>
      <c r="I56" s="1264"/>
      <c r="J56" s="1265"/>
      <c r="K56" s="555"/>
    </row>
    <row r="57" spans="2:11" ht="10.95" customHeight="1" thickTop="1">
      <c r="B57" s="1218"/>
      <c r="C57" s="1237"/>
      <c r="D57" s="1159" t="s">
        <v>805</v>
      </c>
      <c r="E57" s="1161" t="s">
        <v>799</v>
      </c>
      <c r="F57" s="1162"/>
      <c r="G57" s="716" t="s">
        <v>593</v>
      </c>
      <c r="H57" s="717"/>
      <c r="I57" s="717"/>
      <c r="J57" s="718"/>
      <c r="K57" s="555"/>
    </row>
    <row r="58" spans="2:11" ht="10.95" customHeight="1">
      <c r="B58" s="1218"/>
      <c r="C58" s="1237"/>
      <c r="D58" s="1159"/>
      <c r="E58" s="1163"/>
      <c r="F58" s="1162"/>
      <c r="G58" s="719" t="s">
        <v>592</v>
      </c>
      <c r="H58" s="720"/>
      <c r="I58" s="720"/>
      <c r="J58" s="721"/>
      <c r="K58" s="555"/>
    </row>
    <row r="59" spans="2:11" ht="27" customHeight="1">
      <c r="B59" s="1218"/>
      <c r="C59" s="1237"/>
      <c r="D59" s="1159"/>
      <c r="E59" s="1164"/>
      <c r="F59" s="1165"/>
      <c r="G59" s="963"/>
      <c r="H59" s="964"/>
      <c r="I59" s="964"/>
      <c r="J59" s="1150"/>
      <c r="K59" s="555"/>
    </row>
    <row r="60" spans="2:11" ht="45" customHeight="1">
      <c r="B60" s="1218"/>
      <c r="C60" s="1237"/>
      <c r="D60" s="1159"/>
      <c r="E60" s="1175" t="s">
        <v>591</v>
      </c>
      <c r="F60" s="1166" t="s">
        <v>590</v>
      </c>
      <c r="G60" s="1167"/>
      <c r="H60" s="963"/>
      <c r="I60" s="964"/>
      <c r="J60" s="1150"/>
      <c r="K60" s="555"/>
    </row>
    <row r="61" spans="2:11" ht="45" customHeight="1" thickBot="1">
      <c r="B61" s="1218"/>
      <c r="C61" s="1237"/>
      <c r="D61" s="1159"/>
      <c r="E61" s="1176"/>
      <c r="F61" s="1166" t="s">
        <v>802</v>
      </c>
      <c r="G61" s="1167"/>
      <c r="H61" s="963"/>
      <c r="I61" s="964"/>
      <c r="J61" s="1177"/>
      <c r="K61" s="555"/>
    </row>
    <row r="62" spans="2:11" ht="27" customHeight="1" thickTop="1" thickBot="1">
      <c r="B62" s="1218"/>
      <c r="C62" s="1237"/>
      <c r="D62" s="1159"/>
      <c r="E62" s="1168" t="s">
        <v>589</v>
      </c>
      <c r="F62" s="1166" t="s">
        <v>800</v>
      </c>
      <c r="G62" s="1167"/>
      <c r="H62" s="1167"/>
      <c r="I62" s="1167"/>
      <c r="J62" s="850"/>
      <c r="K62" s="555"/>
    </row>
    <row r="63" spans="2:11" ht="27" customHeight="1" thickTop="1" thickBot="1">
      <c r="B63" s="1219"/>
      <c r="C63" s="1238"/>
      <c r="D63" s="1160"/>
      <c r="E63" s="1169"/>
      <c r="F63" s="1170" t="s">
        <v>588</v>
      </c>
      <c r="G63" s="1171"/>
      <c r="H63" s="1172"/>
      <c r="I63" s="1173"/>
      <c r="J63" s="1174"/>
      <c r="K63" s="555"/>
    </row>
    <row r="64" spans="2:11" ht="13.8" thickTop="1"/>
  </sheetData>
  <mergeCells count="78">
    <mergeCell ref="F21:G21"/>
    <mergeCell ref="C29:E29"/>
    <mergeCell ref="I56:J56"/>
    <mergeCell ref="H46:J46"/>
    <mergeCell ref="D52:I52"/>
    <mergeCell ref="G50:J50"/>
    <mergeCell ref="C36:J36"/>
    <mergeCell ref="C35:J35"/>
    <mergeCell ref="F32:G32"/>
    <mergeCell ref="D33:J33"/>
    <mergeCell ref="F47:J47"/>
    <mergeCell ref="D47:D48"/>
    <mergeCell ref="F48:H48"/>
    <mergeCell ref="I48:J48"/>
    <mergeCell ref="G5:J5"/>
    <mergeCell ref="C7:I7"/>
    <mergeCell ref="L20:S20"/>
    <mergeCell ref="I13:J13"/>
    <mergeCell ref="E15:F15"/>
    <mergeCell ref="C16:D16"/>
    <mergeCell ref="I20:J20"/>
    <mergeCell ref="B43:B63"/>
    <mergeCell ref="C30:E30"/>
    <mergeCell ref="D12:G12"/>
    <mergeCell ref="D13:G13"/>
    <mergeCell ref="D17:F17"/>
    <mergeCell ref="G17:H17"/>
    <mergeCell ref="C20:E20"/>
    <mergeCell ref="F20:H20"/>
    <mergeCell ref="C43:C50"/>
    <mergeCell ref="D43:D46"/>
    <mergeCell ref="D49:D50"/>
    <mergeCell ref="E49:G49"/>
    <mergeCell ref="E50:F50"/>
    <mergeCell ref="F60:G60"/>
    <mergeCell ref="H60:J60"/>
    <mergeCell ref="C51:C63"/>
    <mergeCell ref="B3:J3"/>
    <mergeCell ref="B20:B36"/>
    <mergeCell ref="J17:J19"/>
    <mergeCell ref="D18:F18"/>
    <mergeCell ref="G18:H18"/>
    <mergeCell ref="D19:F19"/>
    <mergeCell ref="G19:H19"/>
    <mergeCell ref="I17:I19"/>
    <mergeCell ref="C31:E31"/>
    <mergeCell ref="F31:G31"/>
    <mergeCell ref="C32:E32"/>
    <mergeCell ref="D34:J34"/>
    <mergeCell ref="C17:C19"/>
    <mergeCell ref="B11:C11"/>
    <mergeCell ref="C14:D14"/>
    <mergeCell ref="B12:B19"/>
    <mergeCell ref="G59:J59"/>
    <mergeCell ref="D51:F51"/>
    <mergeCell ref="D53:D56"/>
    <mergeCell ref="E53:E56"/>
    <mergeCell ref="D57:D63"/>
    <mergeCell ref="E57:F59"/>
    <mergeCell ref="F61:G61"/>
    <mergeCell ref="E62:E63"/>
    <mergeCell ref="F63:G63"/>
    <mergeCell ref="F62:I62"/>
    <mergeCell ref="H63:J63"/>
    <mergeCell ref="E60:E61"/>
    <mergeCell ref="H61:J61"/>
    <mergeCell ref="B37:B42"/>
    <mergeCell ref="F41:G41"/>
    <mergeCell ref="F42:G42"/>
    <mergeCell ref="F39:G39"/>
    <mergeCell ref="H41:J41"/>
    <mergeCell ref="H42:J42"/>
    <mergeCell ref="H40:J40"/>
    <mergeCell ref="D41:D42"/>
    <mergeCell ref="C37:D37"/>
    <mergeCell ref="D38:D40"/>
    <mergeCell ref="C38:C42"/>
    <mergeCell ref="F38:G38"/>
  </mergeCells>
  <phoneticPr fontId="7"/>
  <dataValidations xWindow="524" yWindow="327" count="14">
    <dataValidation type="list" allowBlank="1" showInputMessage="1" showErrorMessage="1" sqref="J17:J19" xr:uid="{00000000-0002-0000-0F00-000000000000}">
      <formula1>"レベル１,レベル２,レベル３,レベル４"</formula1>
    </dataValidation>
    <dataValidation type="list" allowBlank="1" showInputMessage="1" showErrorMessage="1" sqref="G19:H19" xr:uid="{00000000-0002-0000-0F00-000001000000}">
      <formula1>"職員,外部委託（非常駐）,外部委託（常駐）"</formula1>
    </dataValidation>
    <dataValidation type="list" allowBlank="1" showInputMessage="1" showErrorMessage="1" sqref="G18:H18" xr:uid="{00000000-0002-0000-0F00-000002000000}">
      <formula1>"警報盤（集中管理リモコン）,簡易型監視制御装置,監視制御装置"</formula1>
    </dataValidation>
    <dataValidation type="list" allowBlank="1" showInputMessage="1" showErrorMessage="1" sqref="G17:H17" xr:uid="{00000000-0002-0000-0F00-000003000000}">
      <formula1>"個別方式,中央方式"</formula1>
    </dataValidation>
    <dataValidation type="list" allowBlank="1" showInputMessage="1" showErrorMessage="1" sqref="J52 J62 F53:F56 E43:E46" xr:uid="{00000000-0002-0000-0F00-000004000000}">
      <formula1>"○"</formula1>
    </dataValidation>
    <dataValidation type="list" allowBlank="1" showInputMessage="1" showErrorMessage="1" sqref="E49" xr:uid="{00000000-0002-0000-0F00-000005000000}">
      <formula1>"1.一般競争契約（最低価格落札方式）,2.一般競争契約（裾切り方式）,3.総合評価落札方式（除算方式）,4.総合評価落札方式（加算方式）,5.プロポーザル方式,6.随意契約（少額）,7.随意契約（その他）,8.その他"</formula1>
    </dataValidation>
    <dataValidation type="list" allowBlank="1" showInputMessage="1" showErrorMessage="1" sqref="G51" xr:uid="{00000000-0002-0000-0F00-000006000000}">
      <formula1>"実施,未実施"</formula1>
    </dataValidation>
    <dataValidation type="list" allowBlank="1" showInputMessage="1" showErrorMessage="1" sqref="J43" xr:uid="{00000000-0002-0000-0F00-000007000000}">
      <formula1>"単年度(12ヶ月以下),複数年度(12ヶ月超)"</formula1>
    </dataValidation>
    <dataValidation type="list" allowBlank="1" showInputMessage="1" showErrorMessage="1" sqref="J7" xr:uid="{00000000-0002-0000-0F00-000008000000}">
      <formula1>"実績なし"</formula1>
    </dataValidation>
    <dataValidation type="whole" operator="greaterThanOrEqual" allowBlank="1" showInputMessage="1" showErrorMessage="1" sqref="I12 I14" xr:uid="{00000000-0002-0000-0F00-000009000000}">
      <formula1>1</formula1>
    </dataValidation>
    <dataValidation allowBlank="1" showInputMessage="1" showErrorMessage="1" promptTitle="注）" prompt="駐車場やグラウンドなどは「延床面積」には含みません。" sqref="E16" xr:uid="{0F385B4B-6E42-41F4-844C-0B2AFAD8EEC4}"/>
    <dataValidation type="list" allowBlank="1" showInputMessage="1" showErrorMessage="1" sqref="E37" xr:uid="{4B48697E-285D-4E15-914E-EFB2BF921839}">
      <formula1>"導入済,導入予定,導入していない"</formula1>
    </dataValidation>
    <dataValidation type="list" allowBlank="1" showInputMessage="1" showErrorMessage="1" sqref="F39:G39" xr:uid="{D557C8C9-6787-4809-AEEE-AF27869D343D}">
      <formula1>"屋根,壁面,敷地内地上,駐車場,その他"</formula1>
    </dataValidation>
    <dataValidation type="list" allowBlank="1" showInputMessage="1" showErrorMessage="1" sqref="E47" xr:uid="{6769EB6A-93ED-410E-80C1-4422E18922FB}">
      <formula1>"活用している,活用していない"</formula1>
    </dataValidation>
  </dataValidations>
  <printOptions horizontalCentered="1"/>
  <pageMargins left="0.51181102362204722" right="0.51181102362204722" top="0.78740157480314965" bottom="0.59055118110236227" header="0.31496062992125984" footer="0.31496062992125984"/>
  <pageSetup paperSize="9" scale="89" fitToHeight="0" orientation="portrait" r:id="rId1"/>
  <rowBreaks count="1" manualBreakCount="1">
    <brk id="36" max="10" man="1"/>
  </rowBreaks>
  <legacyDrawing r:id="rId2"/>
  <extLst>
    <ext xmlns:x14="http://schemas.microsoft.com/office/spreadsheetml/2009/9/main" uri="{CCE6A557-97BC-4b89-ADB6-D9C93CAAB3DF}">
      <x14:dataValidations xmlns:xm="http://schemas.microsoft.com/office/excel/2006/main" xWindow="524" yWindow="327" count="6">
        <x14:dataValidation type="list" allowBlank="1" showInputMessage="1" showErrorMessage="1" xr:uid="{00000000-0002-0000-0F00-00000A000000}">
          <x14:formula1>
            <xm:f>一覧!$H$3:$H$49</xm:f>
          </x14:formula1>
          <xm:sqref>E15</xm:sqref>
        </x14:dataValidation>
        <x14:dataValidation type="list" allowBlank="1" showInputMessage="1" showErrorMessage="1" xr:uid="{00000000-0002-0000-0F00-00000B000000}">
          <x14:formula1>
            <xm:f>一覧!$B$2:$B$3</xm:f>
          </x14:formula1>
          <xm:sqref>D22</xm:sqref>
        </x14:dataValidation>
        <x14:dataValidation type="list" allowBlank="1" showInputMessage="1" showErrorMessage="1" xr:uid="{00000000-0002-0000-0F00-00000C000000}">
          <x14:formula1>
            <xm:f>一覧!$B$5:$B$6</xm:f>
          </x14:formula1>
          <xm:sqref>D23</xm:sqref>
        </x14:dataValidation>
        <x14:dataValidation type="list" allowBlank="1" showInputMessage="1" showErrorMessage="1" xr:uid="{00000000-0002-0000-0F00-00000D000000}">
          <x14:formula1>
            <xm:f>一覧!$B$8:$B$9</xm:f>
          </x14:formula1>
          <xm:sqref>D26:D28</xm:sqref>
        </x14:dataValidation>
        <x14:dataValidation type="list" allowBlank="1" showInputMessage="1" showErrorMessage="1" xr:uid="{00000000-0002-0000-0F00-00000E000000}">
          <x14:formula1>
            <xm:f>一覧!$B$11:$B$12</xm:f>
          </x14:formula1>
          <xm:sqref>D24</xm:sqref>
        </x14:dataValidation>
        <x14:dataValidation type="list" allowBlank="1" showInputMessage="1" showErrorMessage="1" xr:uid="{00000000-0002-0000-0F00-00000F000000}">
          <x14:formula1>
            <xm:f>一覧!$B$17:$B$22</xm:f>
          </x14:formula1>
          <xm:sqref>E14</xm:sqref>
        </x14:dataValidation>
      </x14:dataValidations>
    </ext>
  </extLst>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30">
    <tabColor theme="8" tint="0.59999389629810485"/>
    <pageSetUpPr fitToPage="1"/>
  </sheetPr>
  <dimension ref="B1:U64"/>
  <sheetViews>
    <sheetView zoomScaleNormal="100" zoomScaleSheetLayoutView="100" workbookViewId="0"/>
  </sheetViews>
  <sheetFormatPr defaultColWidth="8.88671875" defaultRowHeight="13.2"/>
  <cols>
    <col min="1" max="1" width="1.77734375" style="555" customWidth="1"/>
    <col min="2" max="2" width="5.33203125" style="555" customWidth="1"/>
    <col min="3" max="3" width="13" style="555" customWidth="1"/>
    <col min="4" max="4" width="9.21875" style="555" customWidth="1"/>
    <col min="5" max="5" width="14.77734375" style="555" customWidth="1"/>
    <col min="6" max="7" width="8.77734375" style="555" customWidth="1"/>
    <col min="8" max="8" width="13.77734375" style="555" customWidth="1"/>
    <col min="9" max="9" width="12.77734375" style="555" customWidth="1"/>
    <col min="10" max="10" width="14.77734375" style="555" customWidth="1"/>
    <col min="11" max="11" width="1.77734375" style="635" customWidth="1"/>
    <col min="12" max="16384" width="8.88671875" style="555"/>
  </cols>
  <sheetData>
    <row r="1" spans="2:14" ht="19.5" customHeight="1">
      <c r="J1" s="251" t="s">
        <v>731</v>
      </c>
    </row>
    <row r="2" spans="2:14" s="524" customFormat="1" ht="10.199999999999999" customHeight="1">
      <c r="H2" s="526"/>
      <c r="K2" s="636"/>
    </row>
    <row r="3" spans="2:14" s="638" customFormat="1" ht="21">
      <c r="B3" s="1178" t="s">
        <v>1242</v>
      </c>
      <c r="C3" s="1178"/>
      <c r="D3" s="1178"/>
      <c r="E3" s="1178"/>
      <c r="F3" s="1178"/>
      <c r="G3" s="1178"/>
      <c r="H3" s="1178"/>
      <c r="I3" s="1178"/>
      <c r="J3" s="1178"/>
      <c r="K3" s="637"/>
    </row>
    <row r="4" spans="2:14" s="524" customFormat="1" ht="6.6" customHeight="1">
      <c r="K4" s="636"/>
    </row>
    <row r="5" spans="2:14" s="256" customFormat="1">
      <c r="F5" s="560" t="s">
        <v>109</v>
      </c>
      <c r="G5" s="1248" t="str">
        <f>【調達機関情報】!D69</f>
        <v>　</v>
      </c>
      <c r="H5" s="1248"/>
      <c r="I5" s="1248"/>
      <c r="J5" s="1248"/>
      <c r="M5" s="522"/>
      <c r="N5" s="522"/>
    </row>
    <row r="6" spans="2:14" s="256" customFormat="1" ht="6.6" customHeight="1" thickBot="1">
      <c r="M6" s="522"/>
      <c r="N6" s="522"/>
    </row>
    <row r="7" spans="2:14" s="441" customFormat="1" ht="13.8" thickBot="1">
      <c r="C7" s="1249" t="s">
        <v>843</v>
      </c>
      <c r="D7" s="1249"/>
      <c r="E7" s="1249"/>
      <c r="F7" s="1249"/>
      <c r="G7" s="1249"/>
      <c r="H7" s="1249"/>
      <c r="I7" s="1250"/>
      <c r="J7" s="442"/>
      <c r="M7" s="523"/>
      <c r="N7" s="523"/>
    </row>
    <row r="8" spans="2:14" s="441" customFormat="1" ht="28.5" customHeight="1" thickBot="1">
      <c r="C8" s="634"/>
      <c r="D8" s="634"/>
      <c r="E8" s="634"/>
      <c r="F8" s="634"/>
      <c r="G8" s="634"/>
      <c r="H8" s="634"/>
      <c r="I8" s="634"/>
      <c r="J8" s="634"/>
      <c r="M8" s="523"/>
      <c r="N8" s="523"/>
    </row>
    <row r="9" spans="2:14" s="644" customFormat="1" ht="16.95" customHeight="1" thickTop="1" thickBot="1">
      <c r="F9" s="705" t="s">
        <v>1150</v>
      </c>
      <c r="G9" s="655"/>
      <c r="H9" s="672" t="s">
        <v>980</v>
      </c>
    </row>
    <row r="10" spans="2:14" s="644" customFormat="1" ht="9.4499999999999993" customHeight="1" thickTop="1" thickBot="1">
      <c r="D10" s="672"/>
      <c r="K10" s="647"/>
    </row>
    <row r="11" spans="2:14" s="639" customFormat="1" ht="27.45" customHeight="1" thickBot="1">
      <c r="B11" s="1210" t="s">
        <v>1097</v>
      </c>
      <c r="C11" s="1211"/>
      <c r="D11" s="700">
        <v>1</v>
      </c>
      <c r="E11" s="703" t="s">
        <v>1098</v>
      </c>
      <c r="K11" s="640"/>
    </row>
    <row r="12" spans="2:14" s="644" customFormat="1" ht="27" customHeight="1">
      <c r="B12" s="1214" t="s">
        <v>1088</v>
      </c>
      <c r="C12" s="699" t="s">
        <v>941</v>
      </c>
      <c r="D12" s="1299" t="s">
        <v>1194</v>
      </c>
      <c r="E12" s="1300"/>
      <c r="F12" s="1300"/>
      <c r="G12" s="1300"/>
      <c r="H12" s="641" t="s">
        <v>942</v>
      </c>
      <c r="I12" s="642">
        <v>1</v>
      </c>
      <c r="J12" s="643" t="s">
        <v>943</v>
      </c>
    </row>
    <row r="13" spans="2:14" s="644" customFormat="1" ht="27" customHeight="1" thickBot="1">
      <c r="B13" s="1215"/>
      <c r="C13" s="645" t="s">
        <v>944</v>
      </c>
      <c r="D13" s="1301" t="s">
        <v>1195</v>
      </c>
      <c r="E13" s="1302"/>
      <c r="F13" s="1302"/>
      <c r="G13" s="1301"/>
      <c r="H13" s="646" t="s">
        <v>945</v>
      </c>
      <c r="I13" s="1301" t="s">
        <v>1191</v>
      </c>
      <c r="J13" s="1303"/>
      <c r="K13" s="647"/>
    </row>
    <row r="14" spans="2:14" s="644" customFormat="1" ht="30" customHeight="1" thickTop="1" thickBot="1">
      <c r="B14" s="1215"/>
      <c r="C14" s="1212" t="s">
        <v>1156</v>
      </c>
      <c r="D14" s="1213"/>
      <c r="E14" s="770" t="s">
        <v>940</v>
      </c>
      <c r="F14" s="707" t="s">
        <v>949</v>
      </c>
      <c r="G14" s="696">
        <f>IF( $E14&lt;&gt;"",IF(MATCH($E14,一覧!$B$17:$B$22,0)&gt;3,"",MATCH($E$14,一覧!$B$17:$B$22,0)),"" )</f>
        <v>1</v>
      </c>
      <c r="H14" s="670" t="s">
        <v>1155</v>
      </c>
      <c r="I14" s="766">
        <v>321</v>
      </c>
      <c r="J14" s="671" t="s">
        <v>1154</v>
      </c>
      <c r="L14" s="763"/>
    </row>
    <row r="15" spans="2:14" s="644" customFormat="1" ht="19.95" customHeight="1" thickTop="1" thickBot="1">
      <c r="B15" s="1215"/>
      <c r="C15" s="645" t="s">
        <v>946</v>
      </c>
      <c r="D15" s="648" t="s">
        <v>947</v>
      </c>
      <c r="E15" s="1304" t="s">
        <v>1033</v>
      </c>
      <c r="F15" s="1305"/>
      <c r="G15" s="649" t="s">
        <v>949</v>
      </c>
      <c r="H15" s="650" t="s">
        <v>950</v>
      </c>
      <c r="I15" s="696">
        <f>IF( $E15&lt;&gt;"",VLOOKUP($E15,一覧!$H$3:$I$49,2,FALSE),"" )</f>
        <v>3</v>
      </c>
      <c r="J15" s="697" t="str">
        <f>IF($I15="","",VLOOKUP($I15,一覧!$D$3:$E$11,2,FALSE))</f>
        <v>関東</v>
      </c>
      <c r="K15" s="647"/>
      <c r="L15" s="772" t="s">
        <v>1200</v>
      </c>
    </row>
    <row r="16" spans="2:14" s="644" customFormat="1" ht="30" customHeight="1" thickTop="1" thickBot="1">
      <c r="B16" s="1215"/>
      <c r="C16" s="1255" t="s">
        <v>1090</v>
      </c>
      <c r="D16" s="1256"/>
      <c r="E16" s="771">
        <v>6789</v>
      </c>
      <c r="F16" s="668" t="s">
        <v>951</v>
      </c>
      <c r="G16" s="669" t="s">
        <v>949</v>
      </c>
      <c r="H16" s="646" t="s">
        <v>952</v>
      </c>
      <c r="I16" s="696">
        <f ca="1">IF( AND($E16&gt;0,$G14&lt;&gt;""),MATCH($E16,OFFSET(一覧!$K$2,$G14*14-13,0,4),1),"" )</f>
        <v>3</v>
      </c>
      <c r="J16" s="706" t="str">
        <f ca="1">IF($I16="","",VLOOKUP($I16,OFFSET(一覧!$M$2,$G$14*14-13,0,4,2),2,FALSE))</f>
        <v>3000～10000</v>
      </c>
      <c r="K16" s="647"/>
    </row>
    <row r="17" spans="2:21" s="644" customFormat="1" ht="19.95" customHeight="1" thickTop="1" thickBot="1">
      <c r="B17" s="1215"/>
      <c r="C17" s="1209" t="s">
        <v>740</v>
      </c>
      <c r="D17" s="1225" t="s">
        <v>1091</v>
      </c>
      <c r="E17" s="1226"/>
      <c r="F17" s="1227"/>
      <c r="G17" s="1309" t="s">
        <v>1196</v>
      </c>
      <c r="H17" s="1310"/>
      <c r="I17" s="1195" t="s">
        <v>1192</v>
      </c>
      <c r="J17" s="1306" t="s">
        <v>1199</v>
      </c>
    </row>
    <row r="18" spans="2:21" s="644" customFormat="1" ht="19.95" customHeight="1" thickTop="1" thickBot="1">
      <c r="B18" s="1215"/>
      <c r="C18" s="1209"/>
      <c r="D18" s="1185" t="s">
        <v>1092</v>
      </c>
      <c r="E18" s="1186"/>
      <c r="F18" s="1187"/>
      <c r="G18" s="1314" t="s">
        <v>1197</v>
      </c>
      <c r="H18" s="1315"/>
      <c r="I18" s="1196"/>
      <c r="J18" s="1307"/>
    </row>
    <row r="19" spans="2:21" s="644" customFormat="1" ht="19.95" customHeight="1" thickTop="1" thickBot="1">
      <c r="B19" s="1216"/>
      <c r="C19" s="1209"/>
      <c r="D19" s="1190" t="s">
        <v>1093</v>
      </c>
      <c r="E19" s="1191"/>
      <c r="F19" s="1192"/>
      <c r="G19" s="1311" t="s">
        <v>1198</v>
      </c>
      <c r="H19" s="1312"/>
      <c r="I19" s="1197"/>
      <c r="J19" s="1308"/>
    </row>
    <row r="20" spans="2:21" s="644" customFormat="1" ht="19.95" customHeight="1">
      <c r="B20" s="1179" t="s">
        <v>1089</v>
      </c>
      <c r="C20" s="1230" t="s">
        <v>953</v>
      </c>
      <c r="D20" s="1231"/>
      <c r="E20" s="1232"/>
      <c r="F20" s="1233" t="s">
        <v>954</v>
      </c>
      <c r="G20" s="1234"/>
      <c r="H20" s="1235"/>
      <c r="I20" s="1257" t="s">
        <v>955</v>
      </c>
      <c r="J20" s="1258"/>
      <c r="K20" s="647"/>
    </row>
    <row r="21" spans="2:21" s="644" customFormat="1" ht="36" customHeight="1" thickBot="1">
      <c r="B21" s="1180"/>
      <c r="C21" s="723" t="s">
        <v>956</v>
      </c>
      <c r="D21" s="724" t="s">
        <v>957</v>
      </c>
      <c r="E21" s="725" t="s">
        <v>1094</v>
      </c>
      <c r="F21" s="1259" t="s">
        <v>958</v>
      </c>
      <c r="G21" s="1260"/>
      <c r="H21" s="726" t="s">
        <v>959</v>
      </c>
      <c r="I21" s="727" t="s">
        <v>1095</v>
      </c>
      <c r="J21" s="728" t="s">
        <v>960</v>
      </c>
      <c r="K21" s="647"/>
    </row>
    <row r="22" spans="2:21" s="644" customFormat="1" ht="19.95" customHeight="1" thickTop="1" thickBot="1">
      <c r="B22" s="1180"/>
      <c r="C22" s="678" t="s">
        <v>961</v>
      </c>
      <c r="D22" s="673" t="s">
        <v>962</v>
      </c>
      <c r="E22" s="767">
        <v>443322</v>
      </c>
      <c r="F22" s="729">
        <v>8.64</v>
      </c>
      <c r="G22" s="730" t="str">
        <f>IF(D22="kWh","MJ/kWh","GJ/千kWh")</f>
        <v>MJ/kWh</v>
      </c>
      <c r="H22" s="731">
        <f>IF(D22="kWh",E22*F22/10^3,E22*F22)</f>
        <v>3830.3020799999999</v>
      </c>
      <c r="I22" s="732">
        <v>0.438</v>
      </c>
      <c r="J22" s="733">
        <f>IF(D22="kWh",I22*E22/10^3,I22*E22)</f>
        <v>194.17503600000001</v>
      </c>
      <c r="K22" s="647"/>
    </row>
    <row r="23" spans="2:21" s="644" customFormat="1" ht="19.95" customHeight="1" thickTop="1" thickBot="1">
      <c r="B23" s="1180"/>
      <c r="C23" s="678" t="s">
        <v>963</v>
      </c>
      <c r="D23" s="674" t="s">
        <v>964</v>
      </c>
      <c r="E23" s="767">
        <v>22355</v>
      </c>
      <c r="F23" s="734">
        <v>40</v>
      </c>
      <c r="G23" s="730" t="str">
        <f>IF(D23="㎥","MJ/㎥","GJ/千㎥")</f>
        <v>MJ/㎥</v>
      </c>
      <c r="H23" s="731">
        <f>IF(D23="㎥",E23*F23/10^3,E23*F23)</f>
        <v>894.2</v>
      </c>
      <c r="I23" s="735">
        <v>2.0499999999999998</v>
      </c>
      <c r="J23" s="733">
        <f>IF(D23="㎥",I23*E23/10^3,I23*E23)</f>
        <v>45.827749999999995</v>
      </c>
      <c r="K23" s="647"/>
    </row>
    <row r="24" spans="2:21" s="644" customFormat="1" ht="19.95" customHeight="1" thickTop="1" thickBot="1">
      <c r="B24" s="1180"/>
      <c r="C24" s="678" t="s">
        <v>965</v>
      </c>
      <c r="D24" s="674" t="s">
        <v>1149</v>
      </c>
      <c r="E24" s="767"/>
      <c r="F24" s="734">
        <v>50.1</v>
      </c>
      <c r="G24" s="730" t="str">
        <f>IF(D24="kg","MJ/kg","GJ/t")</f>
        <v>MJ/kg</v>
      </c>
      <c r="H24" s="731">
        <f>IF(D24="kg",E24*F24/10^3,E24*F24)</f>
        <v>0</v>
      </c>
      <c r="I24" s="736">
        <f>0.0163*44/12</f>
        <v>5.9766666666666662E-2</v>
      </c>
      <c r="J24" s="733">
        <f t="shared" ref="J24" si="0">H24*I24</f>
        <v>0</v>
      </c>
      <c r="K24" s="647"/>
    </row>
    <row r="25" spans="2:21" s="644" customFormat="1" ht="19.95" customHeight="1" thickTop="1" thickBot="1">
      <c r="B25" s="1180"/>
      <c r="C25" s="678" t="s">
        <v>966</v>
      </c>
      <c r="D25" s="675" t="s">
        <v>967</v>
      </c>
      <c r="E25" s="767"/>
      <c r="F25" s="729">
        <v>1.19</v>
      </c>
      <c r="G25" s="737" t="s">
        <v>968</v>
      </c>
      <c r="H25" s="731">
        <f t="shared" ref="H25" si="1">E25*F25</f>
        <v>0</v>
      </c>
      <c r="I25" s="736">
        <v>6.54E-2</v>
      </c>
      <c r="J25" s="733">
        <f>H25*I25</f>
        <v>0</v>
      </c>
      <c r="K25" s="647"/>
      <c r="L25" s="765" t="s">
        <v>1201</v>
      </c>
    </row>
    <row r="26" spans="2:21" s="644" customFormat="1" ht="19.95" customHeight="1" thickTop="1" thickBot="1">
      <c r="B26" s="1180"/>
      <c r="C26" s="678" t="s">
        <v>969</v>
      </c>
      <c r="D26" s="673" t="s">
        <v>970</v>
      </c>
      <c r="E26" s="768">
        <v>7</v>
      </c>
      <c r="F26" s="738">
        <v>36.5</v>
      </c>
      <c r="G26" s="739" t="str">
        <f>IF(D26="L","MJ/L","GJ/kL")</f>
        <v>GJ/kL</v>
      </c>
      <c r="H26" s="731">
        <f>IF(D26="L",E26*F26/10^3,E26*F26)</f>
        <v>255.5</v>
      </c>
      <c r="I26" s="736">
        <f>0.0187*44/12</f>
        <v>6.8566666666666679E-2</v>
      </c>
      <c r="J26" s="733">
        <f t="shared" ref="J26:J28" si="2">H26*I26</f>
        <v>17.518783333333335</v>
      </c>
      <c r="K26" s="647"/>
    </row>
    <row r="27" spans="2:21" s="644" customFormat="1" ht="19.95" customHeight="1" thickTop="1" thickBot="1">
      <c r="B27" s="1180"/>
      <c r="C27" s="678" t="s">
        <v>971</v>
      </c>
      <c r="D27" s="673" t="s">
        <v>1148</v>
      </c>
      <c r="E27" s="768">
        <v>2134</v>
      </c>
      <c r="F27" s="738">
        <v>38</v>
      </c>
      <c r="G27" s="739" t="str">
        <f t="shared" ref="G27:G28" si="3">IF(D27="L","MJ/L","GJ/kL")</f>
        <v>MJ/L</v>
      </c>
      <c r="H27" s="731">
        <f>IF(D27="L",E27*F27/10^3,E27*F27)</f>
        <v>81.091999999999999</v>
      </c>
      <c r="I27" s="736">
        <f>0.0188*44/12</f>
        <v>6.8933333333333333E-2</v>
      </c>
      <c r="J27" s="733">
        <f t="shared" si="2"/>
        <v>5.5899418666666669</v>
      </c>
      <c r="K27" s="647"/>
    </row>
    <row r="28" spans="2:21" s="644" customFormat="1" ht="19.95" customHeight="1" thickTop="1" thickBot="1">
      <c r="B28" s="1180"/>
      <c r="C28" s="679" t="s">
        <v>972</v>
      </c>
      <c r="D28" s="673" t="s">
        <v>1148</v>
      </c>
      <c r="E28" s="769"/>
      <c r="F28" s="740">
        <v>38.9</v>
      </c>
      <c r="G28" s="741" t="str">
        <f t="shared" si="3"/>
        <v>MJ/L</v>
      </c>
      <c r="H28" s="742">
        <f t="shared" ref="H28" si="4">IF(D28="L",E28*F28/10^3,E28*F28)</f>
        <v>0</v>
      </c>
      <c r="I28" s="743">
        <f>0.0193*44/12</f>
        <v>7.0766666666666672E-2</v>
      </c>
      <c r="J28" s="744">
        <f t="shared" si="2"/>
        <v>0</v>
      </c>
      <c r="K28" s="647"/>
    </row>
    <row r="29" spans="2:21" s="644" customFormat="1" ht="19.95" customHeight="1" thickTop="1">
      <c r="B29" s="1180"/>
      <c r="C29" s="1261" t="s">
        <v>973</v>
      </c>
      <c r="D29" s="1262"/>
      <c r="E29" s="1263"/>
      <c r="F29" s="745"/>
      <c r="G29" s="746"/>
      <c r="H29" s="747">
        <f>SUM(H22:H28)</f>
        <v>5061.0940799999998</v>
      </c>
      <c r="I29" s="748"/>
      <c r="J29" s="747">
        <f>SUM(J22:J28)</f>
        <v>263.1115112</v>
      </c>
      <c r="K29" s="647"/>
    </row>
    <row r="30" spans="2:21" s="644" customFormat="1" ht="19.95" customHeight="1">
      <c r="B30" s="1180"/>
      <c r="C30" s="1220" t="s">
        <v>974</v>
      </c>
      <c r="D30" s="1199"/>
      <c r="E30" s="1200"/>
      <c r="F30" s="749"/>
      <c r="G30" s="750" t="s">
        <v>975</v>
      </c>
      <c r="H30" s="751">
        <f>IF($E16=0,"",$H29*10^3/$E16)</f>
        <v>745.48447193990285</v>
      </c>
      <c r="I30" s="752" t="s">
        <v>976</v>
      </c>
      <c r="J30" s="753">
        <f>IF(E16=0,"",J29*10^3/E16)</f>
        <v>38.755562115186329</v>
      </c>
      <c r="K30" s="647"/>
    </row>
    <row r="31" spans="2:21" s="644" customFormat="1" ht="19.95" customHeight="1" thickBot="1">
      <c r="B31" s="1180"/>
      <c r="C31" s="1198" t="s">
        <v>977</v>
      </c>
      <c r="D31" s="1199"/>
      <c r="E31" s="1200"/>
      <c r="F31" s="1201">
        <f ca="1">IF( AND(I15&lt;&gt;"",I16&lt;&gt;""), ROUND(1/OFFSET(一覧!$Q$2,G14*14-14+I16,I15),3), 0 )</f>
        <v>1.022</v>
      </c>
      <c r="G31" s="1202"/>
      <c r="H31" s="754">
        <f ca="1">IF(F31=0,"",H30*F31)</f>
        <v>761.88513032258072</v>
      </c>
      <c r="I31" s="755">
        <f ca="1">IF( AND(I15&lt;&gt;"",I16&lt;&gt;""), ROUND(1/OFFSET(一覧!$Q$9,$G14*14-14+$I16,$I15),3), 0 )</f>
        <v>1.0349999999999999</v>
      </c>
      <c r="J31" s="756">
        <f ca="1">IF(I31=0,"",J30*I31)</f>
        <v>40.112006789217851</v>
      </c>
      <c r="K31" s="647"/>
    </row>
    <row r="32" spans="2:21" s="644" customFormat="1" ht="36" customHeight="1" thickTop="1" thickBot="1">
      <c r="B32" s="1180"/>
      <c r="C32" s="1203" t="s">
        <v>978</v>
      </c>
      <c r="D32" s="1204"/>
      <c r="E32" s="1205"/>
      <c r="F32" s="1282"/>
      <c r="G32" s="1283"/>
      <c r="H32" s="758" t="str">
        <f ca="1">IF( $H31&lt;&gt;"",INDEX( OFFSET(一覧!$AD$2,$G14*14-12,0,10),MATCH($H31,OFFSET(一覧!$AB$2,$G14*14-12,0,10),1)),"")</f>
        <v>C-</v>
      </c>
      <c r="I32" s="761"/>
      <c r="J32" s="759" t="str">
        <f ca="1">IF( $J31&lt;&gt;"",INDEX( OFFSET(一覧!$AH$2,$G14*14-12,0,10),MATCH($J31,OFFSET(一覧!$AF$2,$G14*14-12,0,10),1)),"")</f>
        <v>C-</v>
      </c>
      <c r="K32" s="647"/>
      <c r="L32" s="1313" t="s">
        <v>1226</v>
      </c>
      <c r="M32" s="1057"/>
      <c r="N32" s="1057"/>
      <c r="O32" s="1057"/>
      <c r="P32" s="1057"/>
      <c r="Q32" s="1057"/>
      <c r="R32" s="1057"/>
      <c r="S32" s="1057"/>
      <c r="T32" s="1057"/>
      <c r="U32" s="1057"/>
    </row>
    <row r="33" spans="2:19" s="644" customFormat="1" ht="94.2" customHeight="1" thickBot="1">
      <c r="B33" s="1180"/>
      <c r="C33" s="833" t="s">
        <v>1322</v>
      </c>
      <c r="D33" s="1206"/>
      <c r="E33" s="1207"/>
      <c r="F33" s="1207"/>
      <c r="G33" s="1207"/>
      <c r="H33" s="1207"/>
      <c r="I33" s="1207"/>
      <c r="J33" s="1208"/>
      <c r="K33" s="647"/>
      <c r="L33" s="1313" t="s">
        <v>1323</v>
      </c>
      <c r="M33" s="1057"/>
      <c r="N33" s="1057"/>
      <c r="O33" s="1057"/>
      <c r="P33" s="1057"/>
      <c r="Q33" s="1057"/>
      <c r="R33" s="1057"/>
      <c r="S33" s="1057"/>
    </row>
    <row r="34" spans="2:19" s="644" customFormat="1" ht="94.2" customHeight="1" thickBot="1">
      <c r="B34" s="1180"/>
      <c r="C34" s="757" t="s">
        <v>979</v>
      </c>
      <c r="D34" s="1206"/>
      <c r="E34" s="1207"/>
      <c r="F34" s="1207"/>
      <c r="G34" s="1207"/>
      <c r="H34" s="1207"/>
      <c r="I34" s="1207"/>
      <c r="J34" s="1208"/>
      <c r="K34" s="647"/>
      <c r="L34" s="1313" t="s">
        <v>1212</v>
      </c>
      <c r="M34" s="1057"/>
      <c r="N34" s="1057"/>
      <c r="O34" s="1057"/>
      <c r="P34" s="1057"/>
      <c r="Q34" s="1057"/>
      <c r="R34" s="1057"/>
      <c r="S34" s="1057"/>
    </row>
    <row r="35" spans="2:19" s="644" customFormat="1" ht="16.2" customHeight="1">
      <c r="B35" s="1180"/>
      <c r="C35" s="1279" t="s">
        <v>1213</v>
      </c>
      <c r="D35" s="1280"/>
      <c r="E35" s="1280"/>
      <c r="F35" s="1280"/>
      <c r="G35" s="1280"/>
      <c r="H35" s="1280"/>
      <c r="I35" s="1280"/>
      <c r="J35" s="1281"/>
      <c r="K35" s="647"/>
    </row>
    <row r="36" spans="2:19" s="644" customFormat="1" ht="31.95" customHeight="1" thickBot="1">
      <c r="B36" s="1181"/>
      <c r="C36" s="1276" t="s">
        <v>1214</v>
      </c>
      <c r="D36" s="1277"/>
      <c r="E36" s="1277"/>
      <c r="F36" s="1277"/>
      <c r="G36" s="1277"/>
      <c r="H36" s="1277"/>
      <c r="I36" s="1277"/>
      <c r="J36" s="1278"/>
      <c r="K36" s="647"/>
    </row>
    <row r="37" spans="2:19" s="644" customFormat="1" ht="19.95" customHeight="1" thickTop="1" thickBot="1">
      <c r="B37" s="1132" t="s">
        <v>832</v>
      </c>
      <c r="C37" s="1143" t="s">
        <v>1327</v>
      </c>
      <c r="D37" s="1144"/>
      <c r="E37" s="834" t="s">
        <v>1336</v>
      </c>
      <c r="F37" s="676"/>
      <c r="G37" s="676"/>
      <c r="H37" s="676"/>
      <c r="I37" s="676"/>
      <c r="J37" s="691"/>
    </row>
    <row r="38" spans="2:19" s="644" customFormat="1" ht="16.05" customHeight="1" thickTop="1" thickBot="1">
      <c r="B38" s="1133"/>
      <c r="C38" s="1147" t="s">
        <v>1335</v>
      </c>
      <c r="D38" s="1141" t="s">
        <v>1328</v>
      </c>
      <c r="E38" s="840" t="s">
        <v>1329</v>
      </c>
      <c r="F38" s="1149">
        <v>15</v>
      </c>
      <c r="G38" s="1149"/>
      <c r="H38" s="676"/>
      <c r="I38" s="676"/>
      <c r="J38" s="677"/>
    </row>
    <row r="39" spans="2:19" s="644" customFormat="1" ht="16.05" customHeight="1" thickTop="1" thickBot="1">
      <c r="B39" s="1133"/>
      <c r="C39" s="1148"/>
      <c r="D39" s="1145"/>
      <c r="E39" s="839" t="s">
        <v>1330</v>
      </c>
      <c r="F39" s="1137" t="s">
        <v>1337</v>
      </c>
      <c r="G39" s="1138"/>
      <c r="H39" s="676"/>
      <c r="I39" s="676"/>
      <c r="J39" s="677"/>
    </row>
    <row r="40" spans="2:19" ht="16.05" customHeight="1" thickTop="1">
      <c r="B40" s="1133"/>
      <c r="C40" s="1148"/>
      <c r="D40" s="1146"/>
      <c r="E40" s="837" t="s">
        <v>1332</v>
      </c>
      <c r="F40" s="841">
        <v>2020</v>
      </c>
      <c r="G40" s="842">
        <v>8</v>
      </c>
      <c r="H40" s="1139" t="s">
        <v>1338</v>
      </c>
      <c r="I40" s="1057"/>
      <c r="J40" s="1140"/>
      <c r="K40" s="555"/>
      <c r="L40" s="1313" t="s">
        <v>1345</v>
      </c>
      <c r="M40" s="1057"/>
      <c r="N40" s="1057"/>
      <c r="O40" s="1057"/>
      <c r="P40" s="1057"/>
      <c r="Q40" s="1057"/>
      <c r="R40" s="1057"/>
      <c r="S40" s="1057"/>
    </row>
    <row r="41" spans="2:19" ht="16.05" customHeight="1">
      <c r="B41" s="1133"/>
      <c r="C41" s="1148"/>
      <c r="D41" s="1141" t="s">
        <v>1331</v>
      </c>
      <c r="E41" s="837" t="s">
        <v>1333</v>
      </c>
      <c r="F41" s="1135">
        <v>12000</v>
      </c>
      <c r="G41" s="1135"/>
      <c r="H41" s="1139" t="s">
        <v>1339</v>
      </c>
      <c r="I41" s="1057"/>
      <c r="J41" s="1140"/>
      <c r="K41" s="555"/>
    </row>
    <row r="42" spans="2:19" ht="16.05" customHeight="1" thickBot="1">
      <c r="B42" s="1134"/>
      <c r="C42" s="1059"/>
      <c r="D42" s="1142"/>
      <c r="E42" s="838" t="s">
        <v>1334</v>
      </c>
      <c r="F42" s="1136">
        <v>12000</v>
      </c>
      <c r="G42" s="1136"/>
      <c r="H42" s="1139" t="s">
        <v>1340</v>
      </c>
      <c r="I42" s="1057"/>
      <c r="J42" s="1140"/>
      <c r="K42" s="555"/>
    </row>
    <row r="43" spans="2:19" s="644" customFormat="1" ht="15" customHeight="1" thickTop="1" thickBot="1">
      <c r="B43" s="1217" t="s">
        <v>600</v>
      </c>
      <c r="C43" s="1236" t="s">
        <v>599</v>
      </c>
      <c r="D43" s="1239" t="s">
        <v>598</v>
      </c>
      <c r="E43" s="773" t="s">
        <v>197</v>
      </c>
      <c r="F43" s="683" t="s">
        <v>597</v>
      </c>
      <c r="G43" s="683"/>
      <c r="H43" s="683"/>
      <c r="I43" s="760" t="s">
        <v>463</v>
      </c>
      <c r="J43" s="775" t="s">
        <v>1202</v>
      </c>
    </row>
    <row r="44" spans="2:19" s="644" customFormat="1" ht="15" customHeight="1" thickBot="1">
      <c r="B44" s="1218"/>
      <c r="C44" s="1148"/>
      <c r="D44" s="1240"/>
      <c r="E44" s="774" t="s">
        <v>197</v>
      </c>
      <c r="F44" s="684" t="s">
        <v>596</v>
      </c>
      <c r="G44" s="684"/>
      <c r="H44" s="684"/>
      <c r="I44" s="709" t="s">
        <v>594</v>
      </c>
      <c r="J44" s="776">
        <v>24</v>
      </c>
    </row>
    <row r="45" spans="2:19" s="644" customFormat="1" ht="27" customHeight="1" thickBot="1">
      <c r="B45" s="1218"/>
      <c r="C45" s="1148"/>
      <c r="D45" s="1240"/>
      <c r="E45" s="689"/>
      <c r="F45" s="684" t="s">
        <v>801</v>
      </c>
      <c r="G45" s="684"/>
      <c r="H45" s="684"/>
      <c r="I45" s="852" t="s">
        <v>1368</v>
      </c>
      <c r="J45" s="1688">
        <v>46143</v>
      </c>
    </row>
    <row r="46" spans="2:19" ht="15" customHeight="1" thickBot="1">
      <c r="B46" s="1218"/>
      <c r="C46" s="1148"/>
      <c r="D46" s="1241"/>
      <c r="E46" s="690"/>
      <c r="F46" s="685" t="s">
        <v>381</v>
      </c>
      <c r="G46" s="682" t="s">
        <v>595</v>
      </c>
      <c r="H46" s="1266"/>
      <c r="I46" s="1267"/>
      <c r="J46" s="1268"/>
      <c r="K46" s="555"/>
    </row>
    <row r="47" spans="2:19" ht="30" customHeight="1" thickTop="1" thickBot="1">
      <c r="B47" s="1218"/>
      <c r="C47" s="1148"/>
      <c r="D47" s="1287" t="s">
        <v>1352</v>
      </c>
      <c r="E47" s="848" t="s">
        <v>1353</v>
      </c>
      <c r="F47" s="1284" t="s">
        <v>1362</v>
      </c>
      <c r="G47" s="1285"/>
      <c r="H47" s="1285"/>
      <c r="I47" s="1285"/>
      <c r="J47" s="1286"/>
      <c r="K47" s="555"/>
      <c r="L47" s="1313" t="s">
        <v>1361</v>
      </c>
      <c r="M47" s="1057"/>
      <c r="N47" s="1057"/>
      <c r="O47" s="1057"/>
      <c r="P47" s="1057"/>
      <c r="Q47" s="1057"/>
      <c r="R47" s="1057"/>
      <c r="S47" s="1057"/>
    </row>
    <row r="48" spans="2:19" ht="37.5" customHeight="1" thickTop="1" thickBot="1">
      <c r="B48" s="1218"/>
      <c r="C48" s="1148"/>
      <c r="D48" s="1288"/>
      <c r="E48" s="849" t="s">
        <v>1366</v>
      </c>
      <c r="F48" s="1289"/>
      <c r="G48" s="1290"/>
      <c r="H48" s="1291"/>
      <c r="I48" s="1292" t="s">
        <v>1363</v>
      </c>
      <c r="J48" s="1293"/>
      <c r="K48" s="555"/>
    </row>
    <row r="49" spans="2:11" ht="15" customHeight="1" thickTop="1" thickBot="1">
      <c r="B49" s="1218"/>
      <c r="C49" s="1148"/>
      <c r="D49" s="1242" t="s">
        <v>444</v>
      </c>
      <c r="E49" s="1137" t="s">
        <v>1203</v>
      </c>
      <c r="F49" s="1244"/>
      <c r="G49" s="1245"/>
      <c r="H49" s="676"/>
      <c r="I49" s="846"/>
      <c r="J49" s="847"/>
      <c r="K49" s="555"/>
    </row>
    <row r="50" spans="2:11" ht="15" customHeight="1" thickTop="1" thickBot="1">
      <c r="B50" s="1218"/>
      <c r="C50" s="1059"/>
      <c r="D50" s="1243"/>
      <c r="E50" s="1246" t="s">
        <v>602</v>
      </c>
      <c r="F50" s="1247"/>
      <c r="G50" s="1273"/>
      <c r="H50" s="1294"/>
      <c r="I50" s="1294"/>
      <c r="J50" s="1295"/>
      <c r="K50" s="555"/>
    </row>
    <row r="51" spans="2:11" ht="15" customHeight="1" thickTop="1" thickBot="1">
      <c r="B51" s="1218"/>
      <c r="C51" s="1236" t="s">
        <v>108</v>
      </c>
      <c r="D51" s="1151" t="s">
        <v>803</v>
      </c>
      <c r="E51" s="1152"/>
      <c r="F51" s="1152"/>
      <c r="G51" s="687" t="s">
        <v>1204</v>
      </c>
      <c r="H51" s="520"/>
      <c r="I51" s="520"/>
      <c r="J51" s="691"/>
      <c r="K51" s="555"/>
    </row>
    <row r="52" spans="2:11" ht="28.2" customHeight="1" thickTop="1" thickBot="1">
      <c r="B52" s="1218"/>
      <c r="C52" s="1237"/>
      <c r="D52" s="1269" t="s">
        <v>810</v>
      </c>
      <c r="E52" s="1270"/>
      <c r="F52" s="1271"/>
      <c r="G52" s="1272"/>
      <c r="H52" s="1272"/>
      <c r="I52" s="1272"/>
      <c r="J52" s="777" t="s">
        <v>197</v>
      </c>
      <c r="K52" s="555"/>
    </row>
    <row r="53" spans="2:11" ht="14.4" thickTop="1" thickBot="1">
      <c r="B53" s="1218"/>
      <c r="C53" s="1237"/>
      <c r="D53" s="1153" t="s">
        <v>804</v>
      </c>
      <c r="E53" s="1156" t="s">
        <v>806</v>
      </c>
      <c r="F53" s="693"/>
      <c r="G53" s="722" t="s">
        <v>807</v>
      </c>
      <c r="H53" s="680"/>
      <c r="I53" s="680"/>
      <c r="J53" s="692"/>
      <c r="K53" s="555"/>
    </row>
    <row r="54" spans="2:11" ht="13.8" thickBot="1">
      <c r="B54" s="1218"/>
      <c r="C54" s="1237"/>
      <c r="D54" s="1154"/>
      <c r="E54" s="1157"/>
      <c r="F54" s="694"/>
      <c r="G54" s="722" t="s">
        <v>808</v>
      </c>
      <c r="H54" s="680"/>
      <c r="I54" s="680"/>
      <c r="J54" s="681"/>
      <c r="K54" s="555"/>
    </row>
    <row r="55" spans="2:11" ht="13.8" thickBot="1">
      <c r="B55" s="1218"/>
      <c r="C55" s="1237"/>
      <c r="D55" s="1154"/>
      <c r="E55" s="1157"/>
      <c r="F55" s="694"/>
      <c r="G55" s="722" t="s">
        <v>809</v>
      </c>
      <c r="H55" s="680"/>
      <c r="I55" s="680"/>
      <c r="J55" s="681"/>
      <c r="K55" s="555"/>
    </row>
    <row r="56" spans="2:11" ht="45" customHeight="1" thickBot="1">
      <c r="B56" s="1218"/>
      <c r="C56" s="1237"/>
      <c r="D56" s="1155"/>
      <c r="E56" s="1158"/>
      <c r="F56" s="695"/>
      <c r="G56" s="722" t="s">
        <v>381</v>
      </c>
      <c r="H56" s="682" t="s">
        <v>595</v>
      </c>
      <c r="I56" s="1264"/>
      <c r="J56" s="1265"/>
      <c r="K56" s="555"/>
    </row>
    <row r="57" spans="2:11" ht="10.95" customHeight="1" thickTop="1">
      <c r="B57" s="1218"/>
      <c r="C57" s="1237"/>
      <c r="D57" s="1159" t="s">
        <v>805</v>
      </c>
      <c r="E57" s="1161" t="s">
        <v>799</v>
      </c>
      <c r="F57" s="1162"/>
      <c r="G57" s="716" t="s">
        <v>593</v>
      </c>
      <c r="H57" s="717"/>
      <c r="I57" s="717"/>
      <c r="J57" s="718"/>
      <c r="K57" s="555"/>
    </row>
    <row r="58" spans="2:11" ht="10.95" customHeight="1">
      <c r="B58" s="1218"/>
      <c r="C58" s="1237"/>
      <c r="D58" s="1159"/>
      <c r="E58" s="1163"/>
      <c r="F58" s="1162"/>
      <c r="G58" s="719" t="s">
        <v>592</v>
      </c>
      <c r="H58" s="720"/>
      <c r="I58" s="720"/>
      <c r="J58" s="721"/>
      <c r="K58" s="555"/>
    </row>
    <row r="59" spans="2:11" ht="27" customHeight="1">
      <c r="B59" s="1218"/>
      <c r="C59" s="1237"/>
      <c r="D59" s="1159"/>
      <c r="E59" s="1164"/>
      <c r="F59" s="1165"/>
      <c r="G59" s="1296" t="s">
        <v>1205</v>
      </c>
      <c r="H59" s="1297"/>
      <c r="I59" s="1297"/>
      <c r="J59" s="1298"/>
      <c r="K59" s="555"/>
    </row>
    <row r="60" spans="2:11" ht="45" customHeight="1">
      <c r="B60" s="1218"/>
      <c r="C60" s="1237"/>
      <c r="D60" s="1159"/>
      <c r="E60" s="1175" t="s">
        <v>591</v>
      </c>
      <c r="F60" s="1166" t="s">
        <v>590</v>
      </c>
      <c r="G60" s="1167"/>
      <c r="H60" s="963"/>
      <c r="I60" s="964"/>
      <c r="J60" s="1150"/>
      <c r="K60" s="555"/>
    </row>
    <row r="61" spans="2:11" ht="45" customHeight="1" thickBot="1">
      <c r="B61" s="1218"/>
      <c r="C61" s="1237"/>
      <c r="D61" s="1159"/>
      <c r="E61" s="1176"/>
      <c r="F61" s="1166" t="s">
        <v>802</v>
      </c>
      <c r="G61" s="1167"/>
      <c r="H61" s="963"/>
      <c r="I61" s="964"/>
      <c r="J61" s="1177"/>
      <c r="K61" s="555"/>
    </row>
    <row r="62" spans="2:11" ht="27" customHeight="1" thickTop="1" thickBot="1">
      <c r="B62" s="1218"/>
      <c r="C62" s="1237"/>
      <c r="D62" s="1159"/>
      <c r="E62" s="1168" t="s">
        <v>589</v>
      </c>
      <c r="F62" s="1166" t="s">
        <v>800</v>
      </c>
      <c r="G62" s="1167"/>
      <c r="H62" s="1167"/>
      <c r="I62" s="1167"/>
      <c r="J62" s="850"/>
      <c r="K62" s="555"/>
    </row>
    <row r="63" spans="2:11" ht="27" customHeight="1" thickTop="1" thickBot="1">
      <c r="B63" s="1219"/>
      <c r="C63" s="1238"/>
      <c r="D63" s="1160"/>
      <c r="E63" s="1169"/>
      <c r="F63" s="1170" t="s">
        <v>588</v>
      </c>
      <c r="G63" s="1171"/>
      <c r="H63" s="1172"/>
      <c r="I63" s="1173"/>
      <c r="J63" s="1174"/>
      <c r="K63" s="555"/>
    </row>
    <row r="64" spans="2:11" ht="13.8" thickTop="1"/>
  </sheetData>
  <mergeCells count="82">
    <mergeCell ref="L47:S47"/>
    <mergeCell ref="C16:D16"/>
    <mergeCell ref="C17:C19"/>
    <mergeCell ref="L34:S34"/>
    <mergeCell ref="L32:U32"/>
    <mergeCell ref="D34:J34"/>
    <mergeCell ref="C32:E32"/>
    <mergeCell ref="F32:G32"/>
    <mergeCell ref="C30:E30"/>
    <mergeCell ref="C31:E31"/>
    <mergeCell ref="F31:G31"/>
    <mergeCell ref="D18:F18"/>
    <mergeCell ref="G18:H18"/>
    <mergeCell ref="L33:S33"/>
    <mergeCell ref="H42:J42"/>
    <mergeCell ref="L40:S40"/>
    <mergeCell ref="B3:J3"/>
    <mergeCell ref="G5:J5"/>
    <mergeCell ref="C7:I7"/>
    <mergeCell ref="B11:C11"/>
    <mergeCell ref="B12:B19"/>
    <mergeCell ref="D12:G12"/>
    <mergeCell ref="D13:G13"/>
    <mergeCell ref="I13:J13"/>
    <mergeCell ref="C14:D14"/>
    <mergeCell ref="E15:F15"/>
    <mergeCell ref="I17:I19"/>
    <mergeCell ref="J17:J19"/>
    <mergeCell ref="D17:F17"/>
    <mergeCell ref="G17:H17"/>
    <mergeCell ref="D19:F19"/>
    <mergeCell ref="G19:H19"/>
    <mergeCell ref="B43:B63"/>
    <mergeCell ref="D43:D46"/>
    <mergeCell ref="H46:J46"/>
    <mergeCell ref="D52:I52"/>
    <mergeCell ref="D53:D56"/>
    <mergeCell ref="E53:E56"/>
    <mergeCell ref="I56:J56"/>
    <mergeCell ref="D57:D63"/>
    <mergeCell ref="E57:F59"/>
    <mergeCell ref="G59:J59"/>
    <mergeCell ref="C43:C50"/>
    <mergeCell ref="D51:F51"/>
    <mergeCell ref="C51:C63"/>
    <mergeCell ref="E62:E63"/>
    <mergeCell ref="F62:I62"/>
    <mergeCell ref="F63:G63"/>
    <mergeCell ref="B20:B36"/>
    <mergeCell ref="C20:E20"/>
    <mergeCell ref="F20:H20"/>
    <mergeCell ref="I20:J20"/>
    <mergeCell ref="F21:G21"/>
    <mergeCell ref="C29:E29"/>
    <mergeCell ref="C35:J35"/>
    <mergeCell ref="C36:J36"/>
    <mergeCell ref="D33:J33"/>
    <mergeCell ref="B37:B42"/>
    <mergeCell ref="C37:D37"/>
    <mergeCell ref="C38:C42"/>
    <mergeCell ref="D38:D40"/>
    <mergeCell ref="F38:G38"/>
    <mergeCell ref="F39:G39"/>
    <mergeCell ref="D41:D42"/>
    <mergeCell ref="F41:G41"/>
    <mergeCell ref="F42:G42"/>
    <mergeCell ref="H40:J40"/>
    <mergeCell ref="H41:J41"/>
    <mergeCell ref="I48:J48"/>
    <mergeCell ref="D49:D50"/>
    <mergeCell ref="E49:G49"/>
    <mergeCell ref="E50:F50"/>
    <mergeCell ref="G50:J50"/>
    <mergeCell ref="D47:D48"/>
    <mergeCell ref="F48:H48"/>
    <mergeCell ref="F47:J47"/>
    <mergeCell ref="H63:J63"/>
    <mergeCell ref="E60:E61"/>
    <mergeCell ref="F60:G60"/>
    <mergeCell ref="H60:J60"/>
    <mergeCell ref="F61:G61"/>
    <mergeCell ref="H61:J61"/>
  </mergeCells>
  <phoneticPr fontId="7"/>
  <dataValidations count="13">
    <dataValidation type="whole" operator="greaterThanOrEqual" allowBlank="1" showInputMessage="1" showErrorMessage="1" sqref="I12 I14" xr:uid="{00000000-0002-0000-1000-000000000000}">
      <formula1>1</formula1>
    </dataValidation>
    <dataValidation type="list" allowBlank="1" showInputMessage="1" showErrorMessage="1" sqref="J7" xr:uid="{00000000-0002-0000-1000-000001000000}">
      <formula1>"実績なし"</formula1>
    </dataValidation>
    <dataValidation type="list" allowBlank="1" showInputMessage="1" showErrorMessage="1" sqref="J43" xr:uid="{00000000-0002-0000-1000-000002000000}">
      <formula1>"単年度(12ヶ月以下),複数年度(12ヶ月超)"</formula1>
    </dataValidation>
    <dataValidation type="list" allowBlank="1" showInputMessage="1" showErrorMessage="1" sqref="E49" xr:uid="{9A4C6F1B-97C5-4E10-BA87-512DE8528FDC}">
      <formula1>"1.一般競争契約（最低価格落札方式）,2.一般競争契約（裾切り方式）,3.総合評価落札方式（除算方式）,4.総合評価落札方式（加算方式）,5.プロポーザル方式,6.随意契約（少額）,7.随意契約（その他）,8.その他"</formula1>
    </dataValidation>
    <dataValidation type="list" allowBlank="1" showInputMessage="1" showErrorMessage="1" sqref="F53:F56 J62 J52 E43:E46" xr:uid="{00000000-0002-0000-1000-000005000000}">
      <formula1>"○"</formula1>
    </dataValidation>
    <dataValidation type="list" allowBlank="1" showInputMessage="1" showErrorMessage="1" sqref="G17:H17" xr:uid="{00000000-0002-0000-1000-000006000000}">
      <formula1>"個別方式,中央方式"</formula1>
    </dataValidation>
    <dataValidation type="list" allowBlank="1" showInputMessage="1" showErrorMessage="1" sqref="G18:H18" xr:uid="{00000000-0002-0000-1000-000007000000}">
      <formula1>"警報盤（集中管理リモコン）,簡易型監視制御装置,監視制御装置"</formula1>
    </dataValidation>
    <dataValidation type="list" allowBlank="1" showInputMessage="1" showErrorMessage="1" sqref="G19:H19" xr:uid="{00000000-0002-0000-1000-000008000000}">
      <formula1>"職員,外部委託（非常駐）,外部委託（常駐）"</formula1>
    </dataValidation>
    <dataValidation type="list" allowBlank="1" showInputMessage="1" showErrorMessage="1" sqref="J17:J19" xr:uid="{00000000-0002-0000-1000-000009000000}">
      <formula1>"レベル１,レベル２,レベル３,レベル４"</formula1>
    </dataValidation>
    <dataValidation type="list" allowBlank="1" showInputMessage="1" showErrorMessage="1" sqref="F39:G39" xr:uid="{CBB42D67-80C9-4C00-BDD6-C6020A5F7A90}">
      <formula1>"屋根,壁面,敷地内地上,駐車場,その他"</formula1>
    </dataValidation>
    <dataValidation type="list" allowBlank="1" showInputMessage="1" showErrorMessage="1" sqref="E37" xr:uid="{0EF4ABEC-6951-4172-AC41-1FBEA863A3A3}">
      <formula1>"導入済,導入予定,導入していない"</formula1>
    </dataValidation>
    <dataValidation type="list" allowBlank="1" showInputMessage="1" showErrorMessage="1" sqref="E47" xr:uid="{879555B5-E725-4989-891D-6DD43CCB397E}">
      <formula1>"活用している,活用していない"</formula1>
    </dataValidation>
    <dataValidation type="list" allowBlank="1" showInputMessage="1" showErrorMessage="1" sqref="G51" xr:uid="{F2BC10BB-D5FF-4B0B-8690-64E2D41949A7}">
      <formula1>"実施,未実施"</formula1>
    </dataValidation>
  </dataValidations>
  <printOptions horizontalCentered="1"/>
  <pageMargins left="0.51181102362204722" right="0.51181102362204722" top="0.78740157480314965" bottom="0.59055118110236227" header="0.31496062992125984" footer="0.31496062992125984"/>
  <pageSetup paperSize="9" scale="89" fitToHeight="0" orientation="portrait" r:id="rId1"/>
  <rowBreaks count="1" manualBreakCount="1">
    <brk id="36" max="10" man="1"/>
  </rowBreaks>
  <drawing r:id="rId2"/>
  <legacyDrawing r:id="rId3"/>
  <extLst>
    <ext xmlns:x14="http://schemas.microsoft.com/office/spreadsheetml/2009/9/main" uri="{CCE6A557-97BC-4b89-ADB6-D9C93CAAB3DF}">
      <x14:dataValidations xmlns:xm="http://schemas.microsoft.com/office/excel/2006/main" count="6">
        <x14:dataValidation type="list" allowBlank="1" showInputMessage="1" showErrorMessage="1" xr:uid="{00000000-0002-0000-1000-00000A000000}">
          <x14:formula1>
            <xm:f>一覧!$B$17:$B$22</xm:f>
          </x14:formula1>
          <xm:sqref>E14</xm:sqref>
        </x14:dataValidation>
        <x14:dataValidation type="list" allowBlank="1" showInputMessage="1" showErrorMessage="1" xr:uid="{00000000-0002-0000-1000-00000B000000}">
          <x14:formula1>
            <xm:f>一覧!$B$11:$B$12</xm:f>
          </x14:formula1>
          <xm:sqref>D24</xm:sqref>
        </x14:dataValidation>
        <x14:dataValidation type="list" allowBlank="1" showInputMessage="1" showErrorMessage="1" xr:uid="{00000000-0002-0000-1000-00000C000000}">
          <x14:formula1>
            <xm:f>一覧!$B$8:$B$9</xm:f>
          </x14:formula1>
          <xm:sqref>D26:D28</xm:sqref>
        </x14:dataValidation>
        <x14:dataValidation type="list" allowBlank="1" showInputMessage="1" showErrorMessage="1" xr:uid="{00000000-0002-0000-1000-00000D000000}">
          <x14:formula1>
            <xm:f>一覧!$B$5:$B$6</xm:f>
          </x14:formula1>
          <xm:sqref>D23</xm:sqref>
        </x14:dataValidation>
        <x14:dataValidation type="list" allowBlank="1" showInputMessage="1" showErrorMessage="1" xr:uid="{00000000-0002-0000-1000-00000E000000}">
          <x14:formula1>
            <xm:f>一覧!$B$2:$B$3</xm:f>
          </x14:formula1>
          <xm:sqref>D22</xm:sqref>
        </x14:dataValidation>
        <x14:dataValidation type="list" allowBlank="1" showInputMessage="1" showErrorMessage="1" xr:uid="{00000000-0002-0000-1000-00000F000000}">
          <x14:formula1>
            <xm:f>一覧!$H$3:$H$49</xm:f>
          </x14:formula1>
          <xm:sqref>E15</xm:sqref>
        </x14:dataValidation>
      </x14:dataValidations>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25"/>
  <dimension ref="A1:AJ55"/>
  <sheetViews>
    <sheetView workbookViewId="0"/>
  </sheetViews>
  <sheetFormatPr defaultColWidth="8.77734375" defaultRowHeight="13.2"/>
  <cols>
    <col min="1" max="1" width="2.77734375" style="657" customWidth="1"/>
    <col min="2" max="2" width="6.6640625" style="657" bestFit="1" customWidth="1"/>
    <col min="3" max="3" width="1.6640625" style="657" customWidth="1"/>
    <col min="4" max="4" width="4.6640625" style="658" customWidth="1"/>
    <col min="5" max="5" width="11.33203125" style="657" bestFit="1" customWidth="1"/>
    <col min="6" max="6" width="1.6640625" style="657" customWidth="1"/>
    <col min="7" max="7" width="4.6640625" style="657" customWidth="1"/>
    <col min="8" max="8" width="9.21875" style="657" bestFit="1" customWidth="1"/>
    <col min="9" max="9" width="4.6640625" style="658" customWidth="1"/>
    <col min="10" max="10" width="2.6640625" style="657" customWidth="1"/>
    <col min="11" max="12" width="7.6640625" style="658" customWidth="1"/>
    <col min="13" max="13" width="5.77734375" style="658" bestFit="1" customWidth="1"/>
    <col min="14" max="14" width="11.77734375" style="658" customWidth="1"/>
    <col min="15" max="15" width="2.6640625" style="657" customWidth="1"/>
    <col min="16" max="16" width="8.77734375" style="657"/>
    <col min="17" max="17" width="16.88671875" style="657" customWidth="1"/>
    <col min="18" max="26" width="8.77734375" style="657"/>
    <col min="27" max="27" width="6.44140625" style="657" bestFit="1" customWidth="1"/>
    <col min="28" max="29" width="8.77734375" style="657"/>
    <col min="30" max="30" width="5.21875" style="658" bestFit="1" customWidth="1"/>
    <col min="31" max="31" width="2.6640625" style="657" customWidth="1"/>
    <col min="32" max="32" width="6.21875" style="660" bestFit="1" customWidth="1"/>
    <col min="33" max="33" width="6.44140625" style="660" bestFit="1" customWidth="1"/>
    <col min="34" max="34" width="5.21875" style="657" bestFit="1" customWidth="1"/>
    <col min="35" max="16384" width="8.77734375" style="657"/>
  </cols>
  <sheetData>
    <row r="1" spans="1:34" ht="16.2">
      <c r="A1" s="656" t="s">
        <v>1157</v>
      </c>
      <c r="D1" s="656" t="s">
        <v>981</v>
      </c>
      <c r="K1" s="659" t="s">
        <v>982</v>
      </c>
      <c r="P1" s="659" t="s">
        <v>983</v>
      </c>
      <c r="R1" s="658">
        <v>1</v>
      </c>
      <c r="S1" s="658">
        <v>2</v>
      </c>
      <c r="T1" s="658">
        <v>3</v>
      </c>
      <c r="U1" s="658">
        <v>4</v>
      </c>
      <c r="V1" s="658">
        <v>5</v>
      </c>
      <c r="W1" s="658">
        <v>6</v>
      </c>
      <c r="X1" s="658">
        <v>7</v>
      </c>
      <c r="Y1" s="658">
        <v>8</v>
      </c>
      <c r="Z1" s="658">
        <v>9</v>
      </c>
      <c r="AB1" s="656" t="s">
        <v>984</v>
      </c>
    </row>
    <row r="2" spans="1:34" ht="14.4">
      <c r="B2" s="658" t="s">
        <v>1044</v>
      </c>
      <c r="D2" s="661" t="s">
        <v>985</v>
      </c>
      <c r="G2" s="661" t="s">
        <v>986</v>
      </c>
      <c r="K2" s="658" t="s">
        <v>987</v>
      </c>
      <c r="L2" s="658" t="s">
        <v>988</v>
      </c>
      <c r="M2" s="658" t="s">
        <v>989</v>
      </c>
      <c r="N2" s="658" t="s">
        <v>990</v>
      </c>
      <c r="P2" s="662" t="s">
        <v>1151</v>
      </c>
      <c r="R2" s="658" t="s">
        <v>991</v>
      </c>
      <c r="S2" s="658" t="s">
        <v>992</v>
      </c>
      <c r="T2" s="658" t="s">
        <v>993</v>
      </c>
      <c r="U2" s="658" t="s">
        <v>994</v>
      </c>
      <c r="V2" s="698" t="s">
        <v>1096</v>
      </c>
      <c r="W2" s="658" t="s">
        <v>995</v>
      </c>
      <c r="X2" s="658" t="s">
        <v>996</v>
      </c>
      <c r="Y2" s="658" t="s">
        <v>997</v>
      </c>
      <c r="Z2" s="658" t="s">
        <v>998</v>
      </c>
      <c r="AB2" s="663" t="s">
        <v>999</v>
      </c>
      <c r="AF2" s="663" t="s">
        <v>1162</v>
      </c>
    </row>
    <row r="3" spans="1:34">
      <c r="B3" s="658" t="s">
        <v>1048</v>
      </c>
      <c r="D3" s="658">
        <v>1</v>
      </c>
      <c r="E3" s="657" t="s">
        <v>1000</v>
      </c>
      <c r="G3" s="658">
        <v>1</v>
      </c>
      <c r="H3" s="657" t="s">
        <v>1001</v>
      </c>
      <c r="I3" s="658">
        <v>1</v>
      </c>
      <c r="K3" s="664">
        <v>0</v>
      </c>
      <c r="L3" s="664">
        <v>1000</v>
      </c>
      <c r="M3" s="658">
        <v>1</v>
      </c>
      <c r="N3" s="664" t="str">
        <f>"～" &amp; L3</f>
        <v>～1000</v>
      </c>
      <c r="P3" s="658">
        <f>M3</f>
        <v>1</v>
      </c>
      <c r="Q3" s="658" t="str">
        <f t="shared" ref="Q3:Q6" si="0">N3</f>
        <v>～1000</v>
      </c>
      <c r="R3" s="665">
        <v>0.92200000000000004</v>
      </c>
      <c r="S3" s="665">
        <v>0.92200000000000004</v>
      </c>
      <c r="T3" s="665">
        <v>0.92200000000000004</v>
      </c>
      <c r="U3" s="665">
        <v>0.92200000000000004</v>
      </c>
      <c r="V3" s="665">
        <v>0.98299999999999998</v>
      </c>
      <c r="W3" s="665">
        <v>0.98299999999999998</v>
      </c>
      <c r="X3" s="665">
        <v>1.0529999999999999</v>
      </c>
      <c r="Y3" s="665">
        <v>1.0529999999999999</v>
      </c>
      <c r="Z3" s="665">
        <v>1.0529999999999999</v>
      </c>
      <c r="AB3" s="658" t="s">
        <v>1002</v>
      </c>
      <c r="AC3" s="658" t="s">
        <v>1003</v>
      </c>
      <c r="AD3" s="658" t="s">
        <v>1004</v>
      </c>
      <c r="AF3" s="658" t="s">
        <v>1002</v>
      </c>
      <c r="AG3" s="658" t="s">
        <v>1003</v>
      </c>
      <c r="AH3" s="658" t="s">
        <v>1004</v>
      </c>
    </row>
    <row r="4" spans="1:34">
      <c r="D4" s="658">
        <v>2</v>
      </c>
      <c r="E4" s="657" t="s">
        <v>1005</v>
      </c>
      <c r="G4" s="658">
        <v>2</v>
      </c>
      <c r="H4" s="657" t="s">
        <v>1006</v>
      </c>
      <c r="I4" s="658">
        <v>2</v>
      </c>
      <c r="K4" s="664">
        <f>L3</f>
        <v>1000</v>
      </c>
      <c r="L4" s="664">
        <v>3000</v>
      </c>
      <c r="M4" s="658">
        <v>2</v>
      </c>
      <c r="N4" s="664" t="str">
        <f>K4 &amp;"～" &amp; L4</f>
        <v>1000～3000</v>
      </c>
      <c r="P4" s="658">
        <f t="shared" ref="P4:P6" si="1">M4</f>
        <v>2</v>
      </c>
      <c r="Q4" s="658" t="str">
        <f t="shared" si="0"/>
        <v>1000～3000</v>
      </c>
      <c r="R4" s="665">
        <v>0.98099999999999998</v>
      </c>
      <c r="S4" s="665">
        <v>0.98099999999999998</v>
      </c>
      <c r="T4" s="665">
        <v>1.0669999999999999</v>
      </c>
      <c r="U4" s="665">
        <v>1.0669999999999999</v>
      </c>
      <c r="V4" s="665">
        <v>1.0529999999999999</v>
      </c>
      <c r="W4" s="665">
        <v>1.0529999999999999</v>
      </c>
      <c r="X4" s="665">
        <v>0.95</v>
      </c>
      <c r="Y4" s="665">
        <v>0.95</v>
      </c>
      <c r="Z4" s="665">
        <v>0.754</v>
      </c>
      <c r="AB4" s="658">
        <v>0</v>
      </c>
      <c r="AC4" s="658">
        <v>432</v>
      </c>
      <c r="AD4" s="658" t="s">
        <v>1007</v>
      </c>
      <c r="AF4" s="666">
        <v>0</v>
      </c>
      <c r="AG4" s="660">
        <v>21.1</v>
      </c>
      <c r="AH4" s="658" t="s">
        <v>1007</v>
      </c>
    </row>
    <row r="5" spans="1:34">
      <c r="B5" s="658" t="s">
        <v>1045</v>
      </c>
      <c r="D5" s="658">
        <v>3</v>
      </c>
      <c r="E5" s="657" t="s">
        <v>1008</v>
      </c>
      <c r="G5" s="658">
        <v>3</v>
      </c>
      <c r="H5" s="657" t="s">
        <v>1009</v>
      </c>
      <c r="I5" s="658">
        <v>2</v>
      </c>
      <c r="K5" s="664">
        <f t="shared" ref="K5:K6" si="2">L4</f>
        <v>3000</v>
      </c>
      <c r="L5" s="664">
        <v>10000</v>
      </c>
      <c r="M5" s="658">
        <v>3</v>
      </c>
      <c r="N5" s="664" t="str">
        <f>K5 &amp;"～" &amp; L5</f>
        <v>3000～10000</v>
      </c>
      <c r="P5" s="658">
        <f t="shared" si="1"/>
        <v>3</v>
      </c>
      <c r="Q5" s="658" t="str">
        <f t="shared" si="0"/>
        <v>3000～10000</v>
      </c>
      <c r="R5" s="665">
        <v>1.016</v>
      </c>
      <c r="S5" s="665">
        <v>1.016</v>
      </c>
      <c r="T5" s="665">
        <v>0.97799999999999998</v>
      </c>
      <c r="U5" s="665">
        <v>0.97799999999999998</v>
      </c>
      <c r="V5" s="665">
        <v>1.1910000000000001</v>
      </c>
      <c r="W5" s="665">
        <v>1.1910000000000001</v>
      </c>
      <c r="X5" s="665">
        <v>0.88100000000000001</v>
      </c>
      <c r="Y5" s="665">
        <v>0.88100000000000001</v>
      </c>
      <c r="Z5" s="665">
        <v>0.92800000000000005</v>
      </c>
      <c r="AB5" s="664">
        <f>AC4</f>
        <v>432</v>
      </c>
      <c r="AC5" s="658">
        <v>521</v>
      </c>
      <c r="AD5" s="658" t="s">
        <v>1010</v>
      </c>
      <c r="AF5" s="666">
        <f>AG4</f>
        <v>21.1</v>
      </c>
      <c r="AG5" s="660">
        <v>26.2</v>
      </c>
      <c r="AH5" s="658" t="s">
        <v>1011</v>
      </c>
    </row>
    <row r="6" spans="1:34">
      <c r="B6" s="658" t="s">
        <v>1049</v>
      </c>
      <c r="D6" s="658">
        <v>4</v>
      </c>
      <c r="E6" s="657" t="s">
        <v>1012</v>
      </c>
      <c r="G6" s="658">
        <v>4</v>
      </c>
      <c r="H6" s="657" t="s">
        <v>1013</v>
      </c>
      <c r="I6" s="658">
        <v>2</v>
      </c>
      <c r="K6" s="664">
        <f t="shared" si="2"/>
        <v>10000</v>
      </c>
      <c r="L6" s="664"/>
      <c r="M6" s="658">
        <v>4</v>
      </c>
      <c r="N6" s="664" t="str">
        <f>K6 &amp;"～"</f>
        <v>10000～</v>
      </c>
      <c r="P6" s="658">
        <f t="shared" si="1"/>
        <v>4</v>
      </c>
      <c r="Q6" s="658" t="str">
        <f t="shared" si="0"/>
        <v>10000～</v>
      </c>
      <c r="R6" s="665">
        <v>1.0109999999999999</v>
      </c>
      <c r="S6" s="665">
        <v>1.0109999999999999</v>
      </c>
      <c r="T6" s="665">
        <v>1.0940000000000001</v>
      </c>
      <c r="U6" s="665">
        <v>1.0940000000000001</v>
      </c>
      <c r="V6" s="665">
        <v>0.94199999999999995</v>
      </c>
      <c r="W6" s="665">
        <v>0.94199999999999995</v>
      </c>
      <c r="X6" s="665">
        <v>0.96899999999999997</v>
      </c>
      <c r="Y6" s="665">
        <v>0.96899999999999997</v>
      </c>
      <c r="Z6" s="665">
        <v>0.82199999999999995</v>
      </c>
      <c r="AB6" s="664">
        <f t="shared" ref="AB6:AB13" si="3">AC5</f>
        <v>521</v>
      </c>
      <c r="AC6" s="658">
        <v>591</v>
      </c>
      <c r="AD6" s="658" t="s">
        <v>1014</v>
      </c>
      <c r="AF6" s="666">
        <f t="shared" ref="AF6:AF13" si="4">AG5</f>
        <v>26.2</v>
      </c>
      <c r="AG6" s="660">
        <v>29.7</v>
      </c>
      <c r="AH6" s="658" t="s">
        <v>1015</v>
      </c>
    </row>
    <row r="7" spans="1:34">
      <c r="D7" s="658">
        <v>5</v>
      </c>
      <c r="E7" s="657" t="s">
        <v>1016</v>
      </c>
      <c r="G7" s="658">
        <v>5</v>
      </c>
      <c r="H7" s="657" t="s">
        <v>1017</v>
      </c>
      <c r="I7" s="658">
        <v>2</v>
      </c>
      <c r="AB7" s="664">
        <f t="shared" si="3"/>
        <v>591</v>
      </c>
      <c r="AC7" s="658">
        <v>665</v>
      </c>
      <c r="AD7" s="658" t="s">
        <v>1018</v>
      </c>
      <c r="AF7" s="666">
        <f t="shared" si="4"/>
        <v>29.7</v>
      </c>
      <c r="AG7" s="660">
        <v>33.700000000000003</v>
      </c>
      <c r="AH7" s="658" t="s">
        <v>1019</v>
      </c>
    </row>
    <row r="8" spans="1:34">
      <c r="B8" s="658" t="s">
        <v>1046</v>
      </c>
      <c r="D8" s="658">
        <v>6</v>
      </c>
      <c r="E8" s="657" t="s">
        <v>1020</v>
      </c>
      <c r="G8" s="658">
        <v>6</v>
      </c>
      <c r="H8" s="657" t="s">
        <v>1021</v>
      </c>
      <c r="I8" s="658">
        <v>2</v>
      </c>
      <c r="AB8" s="664">
        <f t="shared" si="3"/>
        <v>665</v>
      </c>
      <c r="AC8" s="658">
        <v>733</v>
      </c>
      <c r="AD8" s="658" t="s">
        <v>1022</v>
      </c>
      <c r="AF8" s="666">
        <f t="shared" si="4"/>
        <v>33.700000000000003</v>
      </c>
      <c r="AG8" s="660">
        <v>37.5</v>
      </c>
      <c r="AH8" s="658" t="s">
        <v>1023</v>
      </c>
    </row>
    <row r="9" spans="1:34" ht="14.4">
      <c r="B9" s="658" t="s">
        <v>1050</v>
      </c>
      <c r="D9" s="658">
        <v>7</v>
      </c>
      <c r="E9" s="657" t="s">
        <v>1024</v>
      </c>
      <c r="G9" s="658">
        <v>7</v>
      </c>
      <c r="H9" s="657" t="s">
        <v>1025</v>
      </c>
      <c r="I9" s="658">
        <v>2</v>
      </c>
      <c r="P9" s="662" t="s">
        <v>1153</v>
      </c>
      <c r="R9" s="658" t="s">
        <v>991</v>
      </c>
      <c r="S9" s="658" t="s">
        <v>992</v>
      </c>
      <c r="T9" s="658" t="s">
        <v>993</v>
      </c>
      <c r="U9" s="658" t="s">
        <v>994</v>
      </c>
      <c r="V9" s="698" t="s">
        <v>1096</v>
      </c>
      <c r="W9" s="658" t="s">
        <v>995</v>
      </c>
      <c r="X9" s="658" t="s">
        <v>996</v>
      </c>
      <c r="Y9" s="658" t="s">
        <v>997</v>
      </c>
      <c r="Z9" s="658" t="s">
        <v>998</v>
      </c>
      <c r="AB9" s="664">
        <f t="shared" si="3"/>
        <v>733</v>
      </c>
      <c r="AC9" s="658">
        <v>834</v>
      </c>
      <c r="AD9" s="658" t="s">
        <v>1026</v>
      </c>
      <c r="AF9" s="666">
        <f t="shared" si="4"/>
        <v>37.5</v>
      </c>
      <c r="AG9" s="660">
        <v>42.8</v>
      </c>
      <c r="AH9" s="658" t="s">
        <v>1027</v>
      </c>
    </row>
    <row r="10" spans="1:34">
      <c r="D10" s="658">
        <v>8</v>
      </c>
      <c r="E10" s="657" t="s">
        <v>1028</v>
      </c>
      <c r="G10" s="658">
        <v>8</v>
      </c>
      <c r="H10" s="657" t="s">
        <v>1029</v>
      </c>
      <c r="I10" s="658">
        <v>3</v>
      </c>
      <c r="P10" s="658">
        <f>P3</f>
        <v>1</v>
      </c>
      <c r="Q10" s="658" t="str">
        <f t="shared" ref="Q10:Q13" si="5">Q3</f>
        <v>～1000</v>
      </c>
      <c r="R10" s="665">
        <v>0.98599999999999999</v>
      </c>
      <c r="S10" s="665">
        <v>0.98599999999999999</v>
      </c>
      <c r="T10" s="665">
        <v>0.98599999999999999</v>
      </c>
      <c r="U10" s="665">
        <v>0.98599999999999999</v>
      </c>
      <c r="V10" s="665">
        <v>0.95399999999999996</v>
      </c>
      <c r="W10" s="665">
        <v>0.95399999999999996</v>
      </c>
      <c r="X10" s="665">
        <v>1.0740000000000001</v>
      </c>
      <c r="Y10" s="665">
        <v>1.0740000000000001</v>
      </c>
      <c r="Z10" s="665">
        <v>1.0740000000000001</v>
      </c>
      <c r="AB10" s="664">
        <f t="shared" si="3"/>
        <v>834</v>
      </c>
      <c r="AC10" s="658">
        <v>1026</v>
      </c>
      <c r="AD10" s="658" t="s">
        <v>1030</v>
      </c>
      <c r="AF10" s="666">
        <f t="shared" si="4"/>
        <v>42.8</v>
      </c>
      <c r="AG10" s="660">
        <v>52.7</v>
      </c>
      <c r="AH10" s="658" t="s">
        <v>1031</v>
      </c>
    </row>
    <row r="11" spans="1:34">
      <c r="B11" s="658" t="s">
        <v>1055</v>
      </c>
      <c r="D11" s="658">
        <v>9</v>
      </c>
      <c r="E11" s="657" t="s">
        <v>1032</v>
      </c>
      <c r="G11" s="658">
        <v>9</v>
      </c>
      <c r="H11" s="657" t="s">
        <v>1033</v>
      </c>
      <c r="I11" s="658">
        <v>3</v>
      </c>
      <c r="P11" s="658">
        <f t="shared" ref="P11:P13" si="6">P4</f>
        <v>2</v>
      </c>
      <c r="Q11" s="658" t="str">
        <f t="shared" si="5"/>
        <v>1000～3000</v>
      </c>
      <c r="R11" s="665">
        <v>1.0820000000000001</v>
      </c>
      <c r="S11" s="665">
        <v>1.0820000000000001</v>
      </c>
      <c r="T11" s="665">
        <v>1.05</v>
      </c>
      <c r="U11" s="665">
        <v>1.05</v>
      </c>
      <c r="V11" s="665">
        <v>1.022</v>
      </c>
      <c r="W11" s="665">
        <v>1.022</v>
      </c>
      <c r="X11" s="665">
        <v>0.90100000000000002</v>
      </c>
      <c r="Y11" s="665">
        <v>0.90100000000000002</v>
      </c>
      <c r="Z11" s="665">
        <v>0.70899999999999996</v>
      </c>
      <c r="AB11" s="664">
        <f t="shared" si="3"/>
        <v>1026</v>
      </c>
      <c r="AC11" s="658">
        <v>1228</v>
      </c>
      <c r="AD11" s="658" t="s">
        <v>1034</v>
      </c>
      <c r="AF11" s="666">
        <f t="shared" si="4"/>
        <v>52.7</v>
      </c>
      <c r="AG11" s="660">
        <v>63.7</v>
      </c>
      <c r="AH11" s="658" t="s">
        <v>1035</v>
      </c>
    </row>
    <row r="12" spans="1:34">
      <c r="B12" s="658" t="s">
        <v>1058</v>
      </c>
      <c r="G12" s="658">
        <v>10</v>
      </c>
      <c r="H12" s="657" t="s">
        <v>1036</v>
      </c>
      <c r="I12" s="658">
        <v>3</v>
      </c>
      <c r="P12" s="658">
        <f t="shared" si="6"/>
        <v>3</v>
      </c>
      <c r="Q12" s="658" t="str">
        <f t="shared" si="5"/>
        <v>3000～10000</v>
      </c>
      <c r="R12" s="665">
        <v>1.0620000000000001</v>
      </c>
      <c r="S12" s="665">
        <v>1.0620000000000001</v>
      </c>
      <c r="T12" s="665">
        <v>0.96599999999999997</v>
      </c>
      <c r="U12" s="665">
        <v>0.96599999999999997</v>
      </c>
      <c r="V12" s="665">
        <v>1.1499999999999999</v>
      </c>
      <c r="W12" s="665">
        <v>1.1499999999999999</v>
      </c>
      <c r="X12" s="665">
        <v>0.85599999999999998</v>
      </c>
      <c r="Y12" s="665">
        <v>0.85599999999999998</v>
      </c>
      <c r="Z12" s="665">
        <v>0.89100000000000001</v>
      </c>
      <c r="AB12" s="664">
        <f t="shared" si="3"/>
        <v>1228</v>
      </c>
      <c r="AC12" s="658">
        <v>1765</v>
      </c>
      <c r="AD12" s="658" t="s">
        <v>1037</v>
      </c>
      <c r="AF12" s="666">
        <f t="shared" si="4"/>
        <v>63.7</v>
      </c>
      <c r="AG12" s="660">
        <v>90.9</v>
      </c>
      <c r="AH12" s="658" t="s">
        <v>1037</v>
      </c>
    </row>
    <row r="13" spans="1:34">
      <c r="G13" s="658">
        <v>11</v>
      </c>
      <c r="H13" s="657" t="s">
        <v>1038</v>
      </c>
      <c r="I13" s="658">
        <v>3</v>
      </c>
      <c r="P13" s="658">
        <f t="shared" si="6"/>
        <v>4</v>
      </c>
      <c r="Q13" s="658" t="str">
        <f t="shared" si="5"/>
        <v>10000～</v>
      </c>
      <c r="R13" s="665">
        <v>1.0489999999999999</v>
      </c>
      <c r="S13" s="665">
        <v>1.0489999999999999</v>
      </c>
      <c r="T13" s="665">
        <v>1.0720000000000001</v>
      </c>
      <c r="U13" s="665">
        <v>1.0720000000000001</v>
      </c>
      <c r="V13" s="665">
        <v>0.94099999999999995</v>
      </c>
      <c r="W13" s="665">
        <v>0.94099999999999995</v>
      </c>
      <c r="X13" s="665">
        <v>0.96199999999999997</v>
      </c>
      <c r="Y13" s="665">
        <v>0.96199999999999997</v>
      </c>
      <c r="Z13" s="665">
        <v>0.81499999999999995</v>
      </c>
      <c r="AB13" s="664">
        <f t="shared" si="3"/>
        <v>1765</v>
      </c>
      <c r="AC13" s="658"/>
      <c r="AD13" s="658" t="s">
        <v>1039</v>
      </c>
      <c r="AF13" s="666">
        <f t="shared" si="4"/>
        <v>90.9</v>
      </c>
      <c r="AH13" s="658" t="s">
        <v>1039</v>
      </c>
    </row>
    <row r="14" spans="1:34">
      <c r="G14" s="658">
        <v>12</v>
      </c>
      <c r="H14" s="657" t="s">
        <v>1040</v>
      </c>
      <c r="I14" s="658">
        <v>3</v>
      </c>
      <c r="P14" s="658"/>
      <c r="Q14" s="658"/>
      <c r="R14" s="665"/>
      <c r="S14" s="665"/>
      <c r="T14" s="665"/>
      <c r="U14" s="665"/>
      <c r="V14" s="665"/>
      <c r="W14" s="665"/>
      <c r="X14" s="665"/>
      <c r="Y14" s="665"/>
      <c r="Z14" s="665"/>
    </row>
    <row r="15" spans="1:34">
      <c r="G15" s="658">
        <v>13</v>
      </c>
      <c r="H15" s="657" t="s">
        <v>1041</v>
      </c>
      <c r="I15" s="658">
        <v>3</v>
      </c>
      <c r="P15" s="658"/>
      <c r="Q15" s="658"/>
      <c r="R15" s="665"/>
      <c r="S15" s="665"/>
      <c r="T15" s="665"/>
      <c r="U15" s="665"/>
      <c r="V15" s="665"/>
      <c r="W15" s="665"/>
      <c r="X15" s="665"/>
      <c r="Y15" s="665"/>
      <c r="Z15" s="665"/>
    </row>
    <row r="16" spans="1:34" ht="16.2">
      <c r="A16" s="656" t="s">
        <v>1158</v>
      </c>
      <c r="G16" s="658">
        <v>14</v>
      </c>
      <c r="H16" s="657" t="s">
        <v>1042</v>
      </c>
      <c r="I16" s="658">
        <v>3</v>
      </c>
      <c r="K16" s="658" t="s">
        <v>987</v>
      </c>
      <c r="L16" s="658" t="s">
        <v>988</v>
      </c>
      <c r="M16" s="658" t="s">
        <v>989</v>
      </c>
      <c r="N16" s="658" t="s">
        <v>990</v>
      </c>
      <c r="P16" s="662" t="s">
        <v>1152</v>
      </c>
      <c r="R16" s="658" t="s">
        <v>991</v>
      </c>
      <c r="S16" s="658" t="s">
        <v>992</v>
      </c>
      <c r="T16" s="658" t="s">
        <v>993</v>
      </c>
      <c r="U16" s="658" t="s">
        <v>994</v>
      </c>
      <c r="V16" s="698" t="s">
        <v>1096</v>
      </c>
      <c r="W16" s="658" t="s">
        <v>995</v>
      </c>
      <c r="X16" s="658" t="s">
        <v>996</v>
      </c>
      <c r="Y16" s="658" t="s">
        <v>997</v>
      </c>
      <c r="Z16" s="658" t="s">
        <v>998</v>
      </c>
      <c r="AB16" s="663" t="s">
        <v>999</v>
      </c>
      <c r="AF16" s="663" t="s">
        <v>1162</v>
      </c>
    </row>
    <row r="17" spans="2:36">
      <c r="B17" s="657" t="s">
        <v>940</v>
      </c>
      <c r="G17" s="658">
        <v>15</v>
      </c>
      <c r="H17" s="657" t="s">
        <v>1043</v>
      </c>
      <c r="I17" s="658">
        <v>4</v>
      </c>
      <c r="K17" s="664">
        <v>0</v>
      </c>
      <c r="L17" s="664">
        <v>3000</v>
      </c>
      <c r="M17" s="658">
        <v>1</v>
      </c>
      <c r="N17" s="664" t="str">
        <f>"～" &amp; L17</f>
        <v>～3000</v>
      </c>
      <c r="P17" s="658">
        <f>M3</f>
        <v>1</v>
      </c>
      <c r="Q17" s="658" t="str">
        <f t="shared" ref="Q17:Q19" si="7">N17</f>
        <v>～3000</v>
      </c>
      <c r="R17" s="665">
        <f>ROUND(R$20*$AA17,3)</f>
        <v>1.0309999999999999</v>
      </c>
      <c r="S17" s="665">
        <f t="shared" ref="S17:Z19" si="8">ROUND(S$20*$AA17,3)</f>
        <v>1.0309999999999999</v>
      </c>
      <c r="T17" s="665">
        <f t="shared" si="8"/>
        <v>0.92400000000000004</v>
      </c>
      <c r="U17" s="665">
        <f t="shared" si="8"/>
        <v>0.92400000000000004</v>
      </c>
      <c r="V17" s="665">
        <f t="shared" si="8"/>
        <v>0.93</v>
      </c>
      <c r="W17" s="665">
        <f t="shared" si="8"/>
        <v>0.93</v>
      </c>
      <c r="X17" s="665">
        <f t="shared" si="8"/>
        <v>0.998</v>
      </c>
      <c r="Y17" s="665">
        <f t="shared" si="8"/>
        <v>0.998</v>
      </c>
      <c r="Z17" s="665">
        <f t="shared" si="8"/>
        <v>0.84299999999999997</v>
      </c>
      <c r="AA17" s="827">
        <v>0.96099999999999997</v>
      </c>
      <c r="AB17" s="658" t="s">
        <v>1002</v>
      </c>
      <c r="AC17" s="658" t="s">
        <v>1003</v>
      </c>
      <c r="AD17" s="658" t="s">
        <v>1004</v>
      </c>
      <c r="AF17" s="658" t="s">
        <v>1002</v>
      </c>
      <c r="AG17" s="658" t="s">
        <v>1003</v>
      </c>
      <c r="AH17" s="658" t="s">
        <v>1004</v>
      </c>
    </row>
    <row r="18" spans="2:36">
      <c r="B18" s="657" t="s">
        <v>1051</v>
      </c>
      <c r="G18" s="658">
        <v>16</v>
      </c>
      <c r="H18" s="657" t="s">
        <v>1047</v>
      </c>
      <c r="I18" s="658">
        <v>4</v>
      </c>
      <c r="K18" s="664">
        <f>L17</f>
        <v>3000</v>
      </c>
      <c r="L18" s="664">
        <v>10000</v>
      </c>
      <c r="M18" s="658">
        <v>2</v>
      </c>
      <c r="N18" s="664" t="str">
        <f>K18 &amp;"～" &amp; L18</f>
        <v>3000～10000</v>
      </c>
      <c r="P18" s="658">
        <f t="shared" ref="P18" si="9">M4</f>
        <v>2</v>
      </c>
      <c r="Q18" s="658" t="str">
        <f t="shared" si="7"/>
        <v>3000～10000</v>
      </c>
      <c r="R18" s="665">
        <f t="shared" ref="R18:R19" si="10">ROUND(R$20*$AA18,3)</f>
        <v>1.073</v>
      </c>
      <c r="S18" s="665">
        <f t="shared" si="8"/>
        <v>1.073</v>
      </c>
      <c r="T18" s="665">
        <f t="shared" si="8"/>
        <v>0.96099999999999997</v>
      </c>
      <c r="U18" s="665">
        <f t="shared" si="8"/>
        <v>0.96099999999999997</v>
      </c>
      <c r="V18" s="665">
        <f t="shared" si="8"/>
        <v>0.96799999999999997</v>
      </c>
      <c r="W18" s="665">
        <f t="shared" si="8"/>
        <v>0.96799999999999997</v>
      </c>
      <c r="X18" s="665">
        <f t="shared" si="8"/>
        <v>1.0389999999999999</v>
      </c>
      <c r="Y18" s="665">
        <f t="shared" si="8"/>
        <v>1.0389999999999999</v>
      </c>
      <c r="Z18" s="665">
        <f t="shared" si="8"/>
        <v>0.877</v>
      </c>
      <c r="AA18" s="827">
        <v>1</v>
      </c>
      <c r="AB18" s="658">
        <v>0</v>
      </c>
      <c r="AC18" s="658">
        <v>276</v>
      </c>
      <c r="AD18" s="658" t="s">
        <v>1007</v>
      </c>
      <c r="AF18" s="666">
        <v>0</v>
      </c>
      <c r="AG18" s="660">
        <v>14</v>
      </c>
      <c r="AH18" s="658" t="s">
        <v>1007</v>
      </c>
    </row>
    <row r="19" spans="2:36">
      <c r="B19" s="657" t="s">
        <v>1059</v>
      </c>
      <c r="G19" s="658">
        <v>17</v>
      </c>
      <c r="H19" s="657" t="s">
        <v>1052</v>
      </c>
      <c r="I19" s="658">
        <v>4</v>
      </c>
      <c r="K19" s="664">
        <f t="shared" ref="K19" si="11">L18</f>
        <v>10000</v>
      </c>
      <c r="L19" s="664"/>
      <c r="M19" s="658">
        <v>3</v>
      </c>
      <c r="N19" s="664" t="str">
        <f>K19 &amp;"～" &amp; L19</f>
        <v>10000～</v>
      </c>
      <c r="P19" s="658">
        <f t="shared" ref="P19" si="12">M5</f>
        <v>3</v>
      </c>
      <c r="Q19" s="658" t="str">
        <f t="shared" si="7"/>
        <v>10000～</v>
      </c>
      <c r="R19" s="665">
        <f t="shared" si="10"/>
        <v>1.268</v>
      </c>
      <c r="S19" s="665">
        <f t="shared" si="8"/>
        <v>1.268</v>
      </c>
      <c r="T19" s="665">
        <f t="shared" si="8"/>
        <v>1.1359999999999999</v>
      </c>
      <c r="U19" s="665">
        <f t="shared" si="8"/>
        <v>1.1359999999999999</v>
      </c>
      <c r="V19" s="665">
        <f t="shared" si="8"/>
        <v>1.1439999999999999</v>
      </c>
      <c r="W19" s="665">
        <f t="shared" si="8"/>
        <v>1.1439999999999999</v>
      </c>
      <c r="X19" s="665">
        <f t="shared" si="8"/>
        <v>1.228</v>
      </c>
      <c r="Y19" s="665">
        <f t="shared" si="8"/>
        <v>1.228</v>
      </c>
      <c r="Z19" s="665">
        <f t="shared" si="8"/>
        <v>1.0369999999999999</v>
      </c>
      <c r="AA19" s="827">
        <v>1.1819999999999999</v>
      </c>
      <c r="AB19" s="664">
        <f>AC18</f>
        <v>276</v>
      </c>
      <c r="AC19" s="658">
        <v>409</v>
      </c>
      <c r="AD19" s="658" t="s">
        <v>1010</v>
      </c>
      <c r="AF19" s="666">
        <f>AG18</f>
        <v>14</v>
      </c>
      <c r="AG19" s="660">
        <v>20.6</v>
      </c>
      <c r="AH19" s="658" t="s">
        <v>1011</v>
      </c>
    </row>
    <row r="20" spans="2:36">
      <c r="B20" s="657" t="s">
        <v>1053</v>
      </c>
      <c r="G20" s="658">
        <v>18</v>
      </c>
      <c r="H20" s="657" t="s">
        <v>1054</v>
      </c>
      <c r="I20" s="658">
        <v>4</v>
      </c>
      <c r="K20" s="664"/>
      <c r="L20" s="664"/>
      <c r="N20" s="664"/>
      <c r="P20" s="658"/>
      <c r="Q20" s="658"/>
      <c r="R20" s="828">
        <v>1.073</v>
      </c>
      <c r="S20" s="828">
        <v>1.073</v>
      </c>
      <c r="T20" s="828">
        <v>0.96099999999999997</v>
      </c>
      <c r="U20" s="828">
        <v>0.96099999999999997</v>
      </c>
      <c r="V20" s="828">
        <v>0.96799999999999997</v>
      </c>
      <c r="W20" s="828">
        <v>0.96799999999999997</v>
      </c>
      <c r="X20" s="828">
        <v>1.0389999999999999</v>
      </c>
      <c r="Y20" s="828">
        <v>1.0389999999999999</v>
      </c>
      <c r="Z20" s="828">
        <v>0.877</v>
      </c>
      <c r="AA20" s="825"/>
      <c r="AB20" s="664">
        <f t="shared" ref="AB20:AB27" si="13">AC19</f>
        <v>409</v>
      </c>
      <c r="AC20" s="658">
        <v>477</v>
      </c>
      <c r="AD20" s="658" t="s">
        <v>1014</v>
      </c>
      <c r="AF20" s="666">
        <f t="shared" ref="AF20:AF27" si="14">AG19</f>
        <v>20.6</v>
      </c>
      <c r="AG20" s="660">
        <v>24.4</v>
      </c>
      <c r="AH20" s="658" t="s">
        <v>1015</v>
      </c>
    </row>
    <row r="21" spans="2:36">
      <c r="B21" s="657" t="s">
        <v>1056</v>
      </c>
      <c r="G21" s="658">
        <v>19</v>
      </c>
      <c r="H21" s="657" t="s">
        <v>1057</v>
      </c>
      <c r="I21" s="658">
        <v>5</v>
      </c>
      <c r="P21" s="658"/>
      <c r="Q21" s="664"/>
      <c r="AA21" s="825"/>
      <c r="AB21" s="664">
        <f t="shared" si="13"/>
        <v>477</v>
      </c>
      <c r="AC21" s="658">
        <v>551</v>
      </c>
      <c r="AD21" s="658" t="s">
        <v>1018</v>
      </c>
      <c r="AF21" s="666">
        <f t="shared" si="14"/>
        <v>24.4</v>
      </c>
      <c r="AG21" s="660">
        <v>27.6</v>
      </c>
      <c r="AH21" s="658" t="s">
        <v>1019</v>
      </c>
    </row>
    <row r="22" spans="2:36">
      <c r="B22" s="708" t="s">
        <v>1061</v>
      </c>
      <c r="G22" s="658">
        <v>20</v>
      </c>
      <c r="H22" s="657" t="s">
        <v>1060</v>
      </c>
      <c r="I22" s="658">
        <v>5</v>
      </c>
      <c r="AB22" s="664">
        <f t="shared" si="13"/>
        <v>551</v>
      </c>
      <c r="AC22" s="658">
        <v>592</v>
      </c>
      <c r="AD22" s="658" t="s">
        <v>1022</v>
      </c>
      <c r="AF22" s="666">
        <f t="shared" si="14"/>
        <v>27.6</v>
      </c>
      <c r="AG22" s="660">
        <v>30.7</v>
      </c>
      <c r="AH22" s="658" t="s">
        <v>1022</v>
      </c>
    </row>
    <row r="23" spans="2:36" ht="14.4">
      <c r="G23" s="658">
        <v>21</v>
      </c>
      <c r="H23" s="657" t="s">
        <v>1062</v>
      </c>
      <c r="I23" s="658">
        <v>5</v>
      </c>
      <c r="N23" s="667"/>
      <c r="P23" s="662" t="s">
        <v>1159</v>
      </c>
      <c r="R23" s="658" t="s">
        <v>991</v>
      </c>
      <c r="S23" s="658" t="s">
        <v>992</v>
      </c>
      <c r="T23" s="658" t="s">
        <v>993</v>
      </c>
      <c r="U23" s="658" t="s">
        <v>994</v>
      </c>
      <c r="V23" s="698" t="s">
        <v>1096</v>
      </c>
      <c r="W23" s="658" t="s">
        <v>995</v>
      </c>
      <c r="X23" s="658" t="s">
        <v>996</v>
      </c>
      <c r="Y23" s="658" t="s">
        <v>997</v>
      </c>
      <c r="Z23" s="658" t="s">
        <v>998</v>
      </c>
      <c r="AB23" s="664">
        <f t="shared" si="13"/>
        <v>592</v>
      </c>
      <c r="AC23" s="658">
        <v>649</v>
      </c>
      <c r="AD23" s="658" t="s">
        <v>1026</v>
      </c>
      <c r="AF23" s="666">
        <f t="shared" si="14"/>
        <v>30.7</v>
      </c>
      <c r="AG23" s="660">
        <v>33.200000000000003</v>
      </c>
      <c r="AH23" s="658" t="s">
        <v>1027</v>
      </c>
    </row>
    <row r="24" spans="2:36">
      <c r="G24" s="658">
        <v>22</v>
      </c>
      <c r="H24" s="657" t="s">
        <v>1063</v>
      </c>
      <c r="I24" s="658">
        <v>5</v>
      </c>
      <c r="N24" s="667"/>
      <c r="P24" s="658">
        <f t="shared" ref="P24:Q26" si="15">P17</f>
        <v>1</v>
      </c>
      <c r="Q24" s="658" t="str">
        <f t="shared" si="15"/>
        <v>～3000</v>
      </c>
      <c r="R24" s="665">
        <f>ROUND(R$27*$AA24,3)</f>
        <v>1.032</v>
      </c>
      <c r="S24" s="665">
        <f t="shared" ref="S24:Z26" si="16">ROUND(S$27*$AA24,3)</f>
        <v>1.032</v>
      </c>
      <c r="T24" s="665">
        <f t="shared" si="16"/>
        <v>0.99299999999999999</v>
      </c>
      <c r="U24" s="665">
        <f t="shared" si="16"/>
        <v>0.99299999999999999</v>
      </c>
      <c r="V24" s="665">
        <f t="shared" si="16"/>
        <v>0.91400000000000003</v>
      </c>
      <c r="W24" s="665">
        <f t="shared" si="16"/>
        <v>0.91400000000000003</v>
      </c>
      <c r="X24" s="665">
        <f t="shared" si="16"/>
        <v>0.98299999999999998</v>
      </c>
      <c r="Y24" s="665">
        <f t="shared" si="16"/>
        <v>0.98299999999999998</v>
      </c>
      <c r="Z24" s="665">
        <f t="shared" si="16"/>
        <v>0.80500000000000005</v>
      </c>
      <c r="AA24" s="827">
        <v>0.98299999999999998</v>
      </c>
      <c r="AB24" s="664">
        <f t="shared" si="13"/>
        <v>649</v>
      </c>
      <c r="AC24" s="658">
        <v>716</v>
      </c>
      <c r="AD24" s="658" t="s">
        <v>1030</v>
      </c>
      <c r="AF24" s="666">
        <f t="shared" si="14"/>
        <v>33.200000000000003</v>
      </c>
      <c r="AG24" s="660">
        <v>36.799999999999997</v>
      </c>
      <c r="AH24" s="658" t="s">
        <v>1031</v>
      </c>
    </row>
    <row r="25" spans="2:36">
      <c r="G25" s="658">
        <v>23</v>
      </c>
      <c r="H25" s="657" t="s">
        <v>1064</v>
      </c>
      <c r="I25" s="658">
        <v>5</v>
      </c>
      <c r="N25" s="667"/>
      <c r="P25" s="658">
        <f t="shared" si="15"/>
        <v>2</v>
      </c>
      <c r="Q25" s="658" t="str">
        <f t="shared" si="15"/>
        <v>3000～10000</v>
      </c>
      <c r="R25" s="665">
        <f t="shared" ref="R25:R26" si="17">ROUND(R$27*$AA25,3)</f>
        <v>0.998</v>
      </c>
      <c r="S25" s="665">
        <f t="shared" si="16"/>
        <v>0.998</v>
      </c>
      <c r="T25" s="665">
        <f t="shared" si="16"/>
        <v>0.96</v>
      </c>
      <c r="U25" s="665">
        <f t="shared" si="16"/>
        <v>0.96</v>
      </c>
      <c r="V25" s="665">
        <f t="shared" si="16"/>
        <v>0.88400000000000001</v>
      </c>
      <c r="W25" s="665">
        <f t="shared" si="16"/>
        <v>0.88400000000000001</v>
      </c>
      <c r="X25" s="665">
        <f t="shared" si="16"/>
        <v>0.95</v>
      </c>
      <c r="Y25" s="665">
        <f t="shared" si="16"/>
        <v>0.95</v>
      </c>
      <c r="Z25" s="665">
        <f t="shared" si="16"/>
        <v>0.77800000000000002</v>
      </c>
      <c r="AA25" s="827">
        <v>0.95</v>
      </c>
      <c r="AB25" s="664">
        <f t="shared" si="13"/>
        <v>716</v>
      </c>
      <c r="AC25" s="658">
        <v>801</v>
      </c>
      <c r="AD25" s="658" t="s">
        <v>1034</v>
      </c>
      <c r="AF25" s="666">
        <f t="shared" si="14"/>
        <v>36.799999999999997</v>
      </c>
      <c r="AG25" s="660">
        <v>41.9</v>
      </c>
      <c r="AH25" s="658" t="s">
        <v>1035</v>
      </c>
    </row>
    <row r="26" spans="2:36">
      <c r="G26" s="658">
        <v>24</v>
      </c>
      <c r="H26" s="657" t="s">
        <v>1065</v>
      </c>
      <c r="I26" s="658">
        <v>5</v>
      </c>
      <c r="N26" s="667"/>
      <c r="P26" s="658">
        <f t="shared" si="15"/>
        <v>3</v>
      </c>
      <c r="Q26" s="658" t="str">
        <f t="shared" si="15"/>
        <v>10000～</v>
      </c>
      <c r="R26" s="665">
        <f t="shared" si="17"/>
        <v>1.1879999999999999</v>
      </c>
      <c r="S26" s="665">
        <f t="shared" si="16"/>
        <v>1.1879999999999999</v>
      </c>
      <c r="T26" s="665">
        <f t="shared" si="16"/>
        <v>1.1419999999999999</v>
      </c>
      <c r="U26" s="665">
        <f t="shared" si="16"/>
        <v>1.1419999999999999</v>
      </c>
      <c r="V26" s="665">
        <f t="shared" si="16"/>
        <v>1.052</v>
      </c>
      <c r="W26" s="665">
        <f t="shared" si="16"/>
        <v>1.052</v>
      </c>
      <c r="X26" s="665">
        <f t="shared" si="16"/>
        <v>1.131</v>
      </c>
      <c r="Y26" s="665">
        <f t="shared" si="16"/>
        <v>1.131</v>
      </c>
      <c r="Z26" s="665">
        <f t="shared" si="16"/>
        <v>0.92600000000000005</v>
      </c>
      <c r="AA26" s="827">
        <v>1.131</v>
      </c>
      <c r="AB26" s="664">
        <f t="shared" si="13"/>
        <v>801</v>
      </c>
      <c r="AC26" s="658">
        <v>1023</v>
      </c>
      <c r="AD26" s="658" t="s">
        <v>1037</v>
      </c>
      <c r="AF26" s="666">
        <f t="shared" si="14"/>
        <v>41.9</v>
      </c>
      <c r="AG26" s="660">
        <v>53.8</v>
      </c>
      <c r="AH26" s="658" t="s">
        <v>1037</v>
      </c>
    </row>
    <row r="27" spans="2:36">
      <c r="G27" s="658">
        <v>25</v>
      </c>
      <c r="H27" s="657" t="s">
        <v>1066</v>
      </c>
      <c r="I27" s="658">
        <v>6</v>
      </c>
      <c r="N27" s="667"/>
      <c r="P27" s="658"/>
      <c r="Q27" s="658"/>
      <c r="R27" s="828">
        <v>1.05</v>
      </c>
      <c r="S27" s="828">
        <v>1.05</v>
      </c>
      <c r="T27" s="828">
        <v>1.01</v>
      </c>
      <c r="U27" s="828">
        <v>1.01</v>
      </c>
      <c r="V27" s="828">
        <v>0.93</v>
      </c>
      <c r="W27" s="828">
        <v>0.93</v>
      </c>
      <c r="X27" s="828">
        <v>1</v>
      </c>
      <c r="Y27" s="828">
        <v>1</v>
      </c>
      <c r="Z27" s="828">
        <v>0.81899999999999995</v>
      </c>
      <c r="AB27" s="664">
        <f t="shared" si="13"/>
        <v>1023</v>
      </c>
      <c r="AC27" s="658"/>
      <c r="AD27" s="658" t="s">
        <v>1039</v>
      </c>
      <c r="AF27" s="666">
        <f t="shared" si="14"/>
        <v>53.8</v>
      </c>
      <c r="AH27" s="658" t="s">
        <v>1039</v>
      </c>
    </row>
    <row r="28" spans="2:36">
      <c r="G28" s="658">
        <v>26</v>
      </c>
      <c r="H28" s="657" t="s">
        <v>1067</v>
      </c>
      <c r="I28" s="658">
        <v>6</v>
      </c>
      <c r="N28" s="667"/>
    </row>
    <row r="29" spans="2:36">
      <c r="G29" s="658">
        <v>27</v>
      </c>
      <c r="H29" s="657" t="s">
        <v>1068</v>
      </c>
      <c r="I29" s="658">
        <v>6</v>
      </c>
      <c r="N29" s="667"/>
    </row>
    <row r="30" spans="2:36" ht="14.4">
      <c r="G30" s="658">
        <v>28</v>
      </c>
      <c r="H30" s="657" t="s">
        <v>1069</v>
      </c>
      <c r="I30" s="658">
        <v>6</v>
      </c>
      <c r="K30" s="658" t="s">
        <v>987</v>
      </c>
      <c r="L30" s="658" t="s">
        <v>988</v>
      </c>
      <c r="M30" s="658" t="s">
        <v>989</v>
      </c>
      <c r="N30" s="658" t="s">
        <v>990</v>
      </c>
      <c r="P30" s="662" t="s">
        <v>1161</v>
      </c>
      <c r="R30" s="658" t="s">
        <v>991</v>
      </c>
      <c r="S30" s="658" t="s">
        <v>992</v>
      </c>
      <c r="T30" s="658" t="s">
        <v>993</v>
      </c>
      <c r="U30" s="658" t="s">
        <v>994</v>
      </c>
      <c r="V30" s="698" t="s">
        <v>1096</v>
      </c>
      <c r="W30" s="658" t="s">
        <v>995</v>
      </c>
      <c r="X30" s="658" t="s">
        <v>996</v>
      </c>
      <c r="Y30" s="658" t="s">
        <v>997</v>
      </c>
      <c r="Z30" s="658" t="s">
        <v>998</v>
      </c>
      <c r="AB30" s="663" t="s">
        <v>999</v>
      </c>
      <c r="AF30" s="663" t="s">
        <v>1162</v>
      </c>
    </row>
    <row r="31" spans="2:36">
      <c r="G31" s="658">
        <v>29</v>
      </c>
      <c r="H31" s="657" t="s">
        <v>1070</v>
      </c>
      <c r="I31" s="658">
        <v>6</v>
      </c>
      <c r="K31" s="664">
        <v>0</v>
      </c>
      <c r="L31" s="664">
        <v>25000</v>
      </c>
      <c r="M31" s="658">
        <v>1</v>
      </c>
      <c r="N31" s="664" t="str">
        <f>"～" &amp; L31</f>
        <v>～25000</v>
      </c>
      <c r="P31" s="658">
        <f>M17</f>
        <v>1</v>
      </c>
      <c r="Q31" s="658" t="str">
        <f t="shared" ref="Q31:Q32" si="18">N31</f>
        <v>～25000</v>
      </c>
      <c r="R31" s="665">
        <f>ROUND(R$33*$AA31,3)</f>
        <v>0.998</v>
      </c>
      <c r="S31" s="665">
        <f t="shared" ref="S31:Z32" si="19">ROUND(S$33*$AA31,3)</f>
        <v>0.998</v>
      </c>
      <c r="T31" s="665">
        <f t="shared" si="19"/>
        <v>0.998</v>
      </c>
      <c r="U31" s="665">
        <f t="shared" si="19"/>
        <v>0.90900000000000003</v>
      </c>
      <c r="V31" s="665">
        <f t="shared" si="19"/>
        <v>0.90900000000000003</v>
      </c>
      <c r="W31" s="665">
        <f t="shared" si="19"/>
        <v>0.90900000000000003</v>
      </c>
      <c r="X31" s="665">
        <f t="shared" si="19"/>
        <v>0.90900000000000003</v>
      </c>
      <c r="Y31" s="665">
        <f t="shared" si="19"/>
        <v>0.90900000000000003</v>
      </c>
      <c r="Z31" s="665">
        <f t="shared" si="19"/>
        <v>0.90900000000000003</v>
      </c>
      <c r="AA31" s="826">
        <v>0.95099999999999996</v>
      </c>
      <c r="AB31" s="658" t="s">
        <v>1002</v>
      </c>
      <c r="AC31" s="658" t="s">
        <v>1003</v>
      </c>
      <c r="AD31" s="658" t="s">
        <v>1004</v>
      </c>
      <c r="AF31" s="658" t="s">
        <v>1002</v>
      </c>
      <c r="AG31" s="658" t="s">
        <v>1003</v>
      </c>
      <c r="AH31" s="658" t="s">
        <v>1004</v>
      </c>
      <c r="AI31" s="660"/>
      <c r="AJ31" s="660"/>
    </row>
    <row r="32" spans="2:36">
      <c r="G32" s="658">
        <v>30</v>
      </c>
      <c r="H32" s="657" t="s">
        <v>1071</v>
      </c>
      <c r="I32" s="658">
        <v>6</v>
      </c>
      <c r="K32" s="664">
        <f>L31</f>
        <v>25000</v>
      </c>
      <c r="L32" s="664"/>
      <c r="M32" s="658">
        <v>2</v>
      </c>
      <c r="N32" s="664" t="str">
        <f>K32 &amp;"～" &amp; L32</f>
        <v>25000～</v>
      </c>
      <c r="P32" s="658">
        <f t="shared" ref="P32" si="20">M18</f>
        <v>2</v>
      </c>
      <c r="Q32" s="658" t="str">
        <f t="shared" si="18"/>
        <v>25000～</v>
      </c>
      <c r="R32" s="665">
        <f t="shared" ref="R32" si="21">ROUND(R$33*$AA32,3)</f>
        <v>1.0780000000000001</v>
      </c>
      <c r="S32" s="665">
        <f t="shared" si="19"/>
        <v>1.0780000000000001</v>
      </c>
      <c r="T32" s="665">
        <f t="shared" si="19"/>
        <v>1.0780000000000001</v>
      </c>
      <c r="U32" s="665">
        <f t="shared" si="19"/>
        <v>0.98299999999999998</v>
      </c>
      <c r="V32" s="665">
        <f t="shared" si="19"/>
        <v>0.98299999999999998</v>
      </c>
      <c r="W32" s="665">
        <f t="shared" si="19"/>
        <v>0.98299999999999998</v>
      </c>
      <c r="X32" s="665">
        <f t="shared" si="19"/>
        <v>0.98299999999999998</v>
      </c>
      <c r="Y32" s="665">
        <f t="shared" si="19"/>
        <v>0.98299999999999998</v>
      </c>
      <c r="Z32" s="665">
        <f t="shared" si="19"/>
        <v>0.98299999999999998</v>
      </c>
      <c r="AA32" s="826">
        <v>1.028</v>
      </c>
      <c r="AB32" s="658">
        <v>0</v>
      </c>
      <c r="AC32" s="658">
        <v>1060</v>
      </c>
      <c r="AD32" s="658" t="s">
        <v>1007</v>
      </c>
      <c r="AF32" s="666">
        <v>0</v>
      </c>
      <c r="AG32" s="660">
        <v>61.2</v>
      </c>
      <c r="AH32" s="658" t="s">
        <v>1007</v>
      </c>
      <c r="AI32" s="660"/>
      <c r="AJ32" s="660"/>
    </row>
    <row r="33" spans="7:36">
      <c r="G33" s="658">
        <v>31</v>
      </c>
      <c r="H33" s="657" t="s">
        <v>1072</v>
      </c>
      <c r="I33" s="658">
        <v>7</v>
      </c>
      <c r="K33" s="664"/>
      <c r="L33" s="664"/>
      <c r="N33" s="664"/>
      <c r="P33" s="658"/>
      <c r="R33" s="826">
        <v>1.0489999999999999</v>
      </c>
      <c r="S33" s="826">
        <v>1.0489999999999999</v>
      </c>
      <c r="T33" s="826">
        <v>1.0489999999999999</v>
      </c>
      <c r="U33" s="826">
        <v>0.95599999999999996</v>
      </c>
      <c r="V33" s="826">
        <v>0.95599999999999996</v>
      </c>
      <c r="W33" s="826">
        <v>0.95599999999999996</v>
      </c>
      <c r="X33" s="826">
        <v>0.95599999999999996</v>
      </c>
      <c r="Y33" s="826">
        <v>0.95599999999999996</v>
      </c>
      <c r="Z33" s="826">
        <v>0.95599999999999996</v>
      </c>
      <c r="AB33" s="664">
        <f>AC32</f>
        <v>1060</v>
      </c>
      <c r="AC33" s="658">
        <v>1421</v>
      </c>
      <c r="AD33" s="658" t="s">
        <v>1010</v>
      </c>
      <c r="AF33" s="666">
        <f>AG32</f>
        <v>61.2</v>
      </c>
      <c r="AG33" s="660">
        <v>76.3</v>
      </c>
      <c r="AH33" s="658" t="s">
        <v>1011</v>
      </c>
      <c r="AI33" s="660"/>
      <c r="AJ33" s="660"/>
    </row>
    <row r="34" spans="7:36">
      <c r="G34" s="658">
        <v>32</v>
      </c>
      <c r="H34" s="657" t="s">
        <v>1073</v>
      </c>
      <c r="I34" s="658">
        <v>7</v>
      </c>
      <c r="P34" s="658"/>
      <c r="AB34" s="664">
        <f t="shared" ref="AB34:AB41" si="22">AC33</f>
        <v>1421</v>
      </c>
      <c r="AC34" s="658">
        <v>1540</v>
      </c>
      <c r="AD34" s="658" t="s">
        <v>1014</v>
      </c>
      <c r="AF34" s="666">
        <f t="shared" ref="AF34:AF41" si="23">AG33</f>
        <v>76.3</v>
      </c>
      <c r="AG34" s="660">
        <v>84.1</v>
      </c>
      <c r="AH34" s="658" t="s">
        <v>1015</v>
      </c>
      <c r="AI34" s="660"/>
      <c r="AJ34" s="660"/>
    </row>
    <row r="35" spans="7:36">
      <c r="G35" s="658">
        <v>33</v>
      </c>
      <c r="H35" s="657" t="s">
        <v>1074</v>
      </c>
      <c r="I35" s="658">
        <v>7</v>
      </c>
      <c r="P35" s="658"/>
      <c r="AB35" s="664">
        <f t="shared" si="22"/>
        <v>1540</v>
      </c>
      <c r="AC35" s="658">
        <v>1710</v>
      </c>
      <c r="AD35" s="658" t="s">
        <v>1018</v>
      </c>
      <c r="AF35" s="666">
        <f t="shared" si="23"/>
        <v>84.1</v>
      </c>
      <c r="AG35" s="660">
        <v>90</v>
      </c>
      <c r="AH35" s="658" t="s">
        <v>1019</v>
      </c>
      <c r="AI35" s="660"/>
      <c r="AJ35" s="660"/>
    </row>
    <row r="36" spans="7:36">
      <c r="G36" s="658">
        <v>34</v>
      </c>
      <c r="H36" s="657" t="s">
        <v>1075</v>
      </c>
      <c r="I36" s="658">
        <v>7</v>
      </c>
      <c r="AB36" s="664">
        <f t="shared" si="22"/>
        <v>1710</v>
      </c>
      <c r="AC36" s="658">
        <v>1897</v>
      </c>
      <c r="AD36" s="658" t="s">
        <v>1022</v>
      </c>
      <c r="AF36" s="666">
        <f t="shared" si="23"/>
        <v>90</v>
      </c>
      <c r="AG36" s="660">
        <v>97.6</v>
      </c>
      <c r="AH36" s="658" t="s">
        <v>1022</v>
      </c>
      <c r="AI36" s="660"/>
      <c r="AJ36" s="660"/>
    </row>
    <row r="37" spans="7:36" ht="14.4">
      <c r="G37" s="658">
        <v>35</v>
      </c>
      <c r="H37" s="657" t="s">
        <v>1076</v>
      </c>
      <c r="I37" s="658">
        <v>7</v>
      </c>
      <c r="P37" s="662" t="s">
        <v>1160</v>
      </c>
      <c r="R37" s="658" t="s">
        <v>991</v>
      </c>
      <c r="S37" s="658" t="s">
        <v>992</v>
      </c>
      <c r="T37" s="658" t="s">
        <v>993</v>
      </c>
      <c r="U37" s="658" t="s">
        <v>994</v>
      </c>
      <c r="V37" s="698" t="s">
        <v>1096</v>
      </c>
      <c r="W37" s="658" t="s">
        <v>995</v>
      </c>
      <c r="X37" s="658" t="s">
        <v>996</v>
      </c>
      <c r="Y37" s="658" t="s">
        <v>997</v>
      </c>
      <c r="Z37" s="658" t="s">
        <v>998</v>
      </c>
      <c r="AB37" s="664">
        <f t="shared" si="22"/>
        <v>1897</v>
      </c>
      <c r="AC37" s="658">
        <v>2018</v>
      </c>
      <c r="AD37" s="658" t="s">
        <v>1026</v>
      </c>
      <c r="AF37" s="666">
        <f t="shared" si="23"/>
        <v>97.6</v>
      </c>
      <c r="AG37" s="660">
        <v>103.2</v>
      </c>
      <c r="AH37" s="658" t="s">
        <v>1027</v>
      </c>
      <c r="AI37" s="660"/>
      <c r="AJ37" s="660"/>
    </row>
    <row r="38" spans="7:36">
      <c r="G38" s="658">
        <v>36</v>
      </c>
      <c r="H38" s="657" t="s">
        <v>1077</v>
      </c>
      <c r="I38" s="658">
        <v>8</v>
      </c>
      <c r="P38" s="658">
        <f>P31</f>
        <v>1</v>
      </c>
      <c r="Q38" s="658" t="str">
        <f>Q31</f>
        <v>～25000</v>
      </c>
      <c r="R38" s="665">
        <f>ROUND(R$40*$AA38,3)</f>
        <v>1.02</v>
      </c>
      <c r="S38" s="665">
        <f t="shared" ref="S38:Z39" si="24">ROUND(S$40*$AA38,3)</f>
        <v>1.02</v>
      </c>
      <c r="T38" s="665">
        <f t="shared" si="24"/>
        <v>1.02</v>
      </c>
      <c r="U38" s="665">
        <f t="shared" si="24"/>
        <v>0.98599999999999999</v>
      </c>
      <c r="V38" s="665">
        <f t="shared" si="24"/>
        <v>0.98599999999999999</v>
      </c>
      <c r="W38" s="665">
        <f t="shared" si="24"/>
        <v>0.98599999999999999</v>
      </c>
      <c r="X38" s="665">
        <f t="shared" si="24"/>
        <v>0.98599999999999999</v>
      </c>
      <c r="Y38" s="665">
        <f t="shared" si="24"/>
        <v>0.98599999999999999</v>
      </c>
      <c r="Z38" s="665">
        <f t="shared" si="24"/>
        <v>0.98599999999999999</v>
      </c>
      <c r="AA38" s="826">
        <v>0.99399999999999999</v>
      </c>
      <c r="AB38" s="664">
        <f t="shared" si="22"/>
        <v>2018</v>
      </c>
      <c r="AC38" s="658">
        <v>2190</v>
      </c>
      <c r="AD38" s="658" t="s">
        <v>1030</v>
      </c>
      <c r="AF38" s="666">
        <f t="shared" si="23"/>
        <v>103.2</v>
      </c>
      <c r="AG38" s="660">
        <v>113.9</v>
      </c>
      <c r="AH38" s="658" t="s">
        <v>1031</v>
      </c>
      <c r="AI38" s="660"/>
      <c r="AJ38" s="660"/>
    </row>
    <row r="39" spans="7:36">
      <c r="G39" s="658">
        <v>37</v>
      </c>
      <c r="H39" s="657" t="s">
        <v>1078</v>
      </c>
      <c r="I39" s="658">
        <v>8</v>
      </c>
      <c r="P39" s="658">
        <f>P32</f>
        <v>2</v>
      </c>
      <c r="Q39" s="658" t="str">
        <f>Q32</f>
        <v>25000～</v>
      </c>
      <c r="R39" s="665">
        <f t="shared" ref="R39" si="25">ROUND(R$40*$AA39,3)</f>
        <v>1.0369999999999999</v>
      </c>
      <c r="S39" s="665">
        <f t="shared" si="24"/>
        <v>1.0369999999999999</v>
      </c>
      <c r="T39" s="665">
        <f t="shared" si="24"/>
        <v>1.0369999999999999</v>
      </c>
      <c r="U39" s="665">
        <f t="shared" si="24"/>
        <v>1.0029999999999999</v>
      </c>
      <c r="V39" s="665">
        <f t="shared" si="24"/>
        <v>1.0029999999999999</v>
      </c>
      <c r="W39" s="665">
        <f t="shared" si="24"/>
        <v>1.0029999999999999</v>
      </c>
      <c r="X39" s="665">
        <f t="shared" si="24"/>
        <v>1.0029999999999999</v>
      </c>
      <c r="Y39" s="665">
        <f t="shared" si="24"/>
        <v>1.0029999999999999</v>
      </c>
      <c r="Z39" s="665">
        <f t="shared" si="24"/>
        <v>1.0029999999999999</v>
      </c>
      <c r="AA39" s="826">
        <v>1.0109999999999999</v>
      </c>
      <c r="AB39" s="664">
        <f t="shared" si="22"/>
        <v>2190</v>
      </c>
      <c r="AC39" s="658">
        <v>2492</v>
      </c>
      <c r="AD39" s="658" t="s">
        <v>1034</v>
      </c>
      <c r="AF39" s="666">
        <f t="shared" si="23"/>
        <v>113.9</v>
      </c>
      <c r="AG39" s="660">
        <v>126.2</v>
      </c>
      <c r="AH39" s="658" t="s">
        <v>1035</v>
      </c>
      <c r="AI39" s="660"/>
      <c r="AJ39" s="660"/>
    </row>
    <row r="40" spans="7:36">
      <c r="G40" s="658">
        <v>38</v>
      </c>
      <c r="H40" s="657" t="s">
        <v>1079</v>
      </c>
      <c r="I40" s="658">
        <v>8</v>
      </c>
      <c r="R40" s="826">
        <v>1.026</v>
      </c>
      <c r="S40" s="826">
        <v>1.026</v>
      </c>
      <c r="T40" s="826">
        <v>1.026</v>
      </c>
      <c r="U40" s="826">
        <v>0.99199999999999999</v>
      </c>
      <c r="V40" s="826">
        <v>0.99199999999999999</v>
      </c>
      <c r="W40" s="826">
        <v>0.99199999999999999</v>
      </c>
      <c r="X40" s="826">
        <v>0.99199999999999999</v>
      </c>
      <c r="Y40" s="826">
        <v>0.99199999999999999</v>
      </c>
      <c r="Z40" s="826">
        <v>0.99199999999999999</v>
      </c>
      <c r="AB40" s="664">
        <f t="shared" si="22"/>
        <v>2492</v>
      </c>
      <c r="AC40" s="658">
        <v>2685</v>
      </c>
      <c r="AD40" s="658" t="s">
        <v>1037</v>
      </c>
      <c r="AF40" s="666">
        <f t="shared" si="23"/>
        <v>126.2</v>
      </c>
      <c r="AG40" s="660">
        <v>148.4</v>
      </c>
      <c r="AH40" s="658" t="s">
        <v>1037</v>
      </c>
      <c r="AI40" s="660"/>
      <c r="AJ40" s="660"/>
    </row>
    <row r="41" spans="7:36">
      <c r="G41" s="658">
        <v>39</v>
      </c>
      <c r="H41" s="657" t="s">
        <v>1080</v>
      </c>
      <c r="I41" s="658">
        <v>8</v>
      </c>
      <c r="AB41" s="664">
        <f t="shared" si="22"/>
        <v>2685</v>
      </c>
      <c r="AC41" s="658"/>
      <c r="AD41" s="658" t="s">
        <v>1039</v>
      </c>
      <c r="AF41" s="666">
        <f t="shared" si="23"/>
        <v>148.4</v>
      </c>
      <c r="AH41" s="658" t="s">
        <v>1039</v>
      </c>
      <c r="AI41" s="660"/>
      <c r="AJ41" s="660"/>
    </row>
    <row r="42" spans="7:36">
      <c r="G42" s="658">
        <v>40</v>
      </c>
      <c r="H42" s="657" t="s">
        <v>948</v>
      </c>
      <c r="I42" s="658">
        <v>9</v>
      </c>
      <c r="AD42" s="657"/>
      <c r="AF42" s="657"/>
      <c r="AG42" s="658"/>
      <c r="AI42" s="660"/>
      <c r="AJ42" s="660"/>
    </row>
    <row r="43" spans="7:36">
      <c r="G43" s="658">
        <v>41</v>
      </c>
      <c r="H43" s="657" t="s">
        <v>1081</v>
      </c>
      <c r="I43" s="658">
        <v>9</v>
      </c>
      <c r="AD43" s="657"/>
      <c r="AF43" s="657"/>
      <c r="AG43" s="658"/>
      <c r="AI43" s="660"/>
      <c r="AJ43" s="660"/>
    </row>
    <row r="44" spans="7:36">
      <c r="G44" s="658">
        <v>42</v>
      </c>
      <c r="H44" s="657" t="s">
        <v>1082</v>
      </c>
      <c r="I44" s="658">
        <v>9</v>
      </c>
      <c r="AD44" s="657"/>
      <c r="AF44" s="657"/>
      <c r="AG44" s="658"/>
      <c r="AI44" s="660"/>
      <c r="AJ44" s="660"/>
    </row>
    <row r="45" spans="7:36">
      <c r="G45" s="658">
        <v>43</v>
      </c>
      <c r="H45" s="657" t="s">
        <v>1083</v>
      </c>
      <c r="I45" s="658">
        <v>9</v>
      </c>
      <c r="AD45" s="657"/>
      <c r="AF45" s="657"/>
      <c r="AG45" s="658"/>
      <c r="AI45" s="660"/>
      <c r="AJ45" s="660"/>
    </row>
    <row r="46" spans="7:36">
      <c r="G46" s="658">
        <v>44</v>
      </c>
      <c r="H46" s="657" t="s">
        <v>1084</v>
      </c>
      <c r="I46" s="658">
        <v>9</v>
      </c>
      <c r="AD46" s="657"/>
      <c r="AF46" s="657"/>
      <c r="AG46" s="658"/>
      <c r="AI46" s="660"/>
      <c r="AJ46" s="660"/>
    </row>
    <row r="47" spans="7:36">
      <c r="G47" s="658">
        <v>45</v>
      </c>
      <c r="H47" s="657" t="s">
        <v>1085</v>
      </c>
      <c r="I47" s="658">
        <v>9</v>
      </c>
      <c r="AD47" s="657"/>
      <c r="AF47" s="657"/>
      <c r="AG47" s="658"/>
      <c r="AI47" s="660"/>
      <c r="AJ47" s="660"/>
    </row>
    <row r="48" spans="7:36">
      <c r="G48" s="658">
        <v>46</v>
      </c>
      <c r="H48" s="657" t="s">
        <v>1086</v>
      </c>
      <c r="I48" s="658">
        <v>9</v>
      </c>
      <c r="AD48" s="657"/>
      <c r="AF48" s="657"/>
      <c r="AG48" s="658"/>
      <c r="AI48" s="660"/>
      <c r="AJ48" s="660"/>
    </row>
    <row r="49" spans="7:36">
      <c r="G49" s="658">
        <v>47</v>
      </c>
      <c r="H49" s="657" t="s">
        <v>1087</v>
      </c>
      <c r="I49" s="658">
        <v>9</v>
      </c>
      <c r="AD49" s="657"/>
      <c r="AF49" s="657"/>
      <c r="AG49" s="658"/>
      <c r="AI49" s="660"/>
      <c r="AJ49" s="660"/>
    </row>
    <row r="50" spans="7:36">
      <c r="AD50" s="657"/>
      <c r="AF50" s="657"/>
      <c r="AG50" s="658"/>
      <c r="AI50" s="660"/>
      <c r="AJ50" s="660"/>
    </row>
    <row r="51" spans="7:36">
      <c r="AD51" s="657"/>
      <c r="AF51" s="657"/>
      <c r="AG51" s="658"/>
      <c r="AI51" s="660"/>
      <c r="AJ51" s="660"/>
    </row>
    <row r="52" spans="7:36">
      <c r="AD52" s="657"/>
      <c r="AF52" s="657"/>
      <c r="AG52" s="658"/>
      <c r="AI52" s="660"/>
      <c r="AJ52" s="660"/>
    </row>
    <row r="53" spans="7:36">
      <c r="AD53" s="657"/>
      <c r="AF53" s="657"/>
      <c r="AG53" s="658"/>
      <c r="AI53" s="660"/>
      <c r="AJ53" s="660"/>
    </row>
    <row r="54" spans="7:36">
      <c r="AD54" s="657"/>
      <c r="AF54" s="657"/>
      <c r="AG54" s="658"/>
      <c r="AI54" s="660"/>
      <c r="AJ54" s="660"/>
    </row>
    <row r="55" spans="7:36">
      <c r="AD55" s="657"/>
      <c r="AF55" s="657"/>
      <c r="AG55" s="658"/>
      <c r="AI55" s="660"/>
      <c r="AJ55" s="660"/>
    </row>
  </sheetData>
  <phoneticPr fontId="7"/>
  <pageMargins left="0.7" right="0.7" top="0.75" bottom="0.75" header="0.3" footer="0.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26"/>
  <dimension ref="A1:M45"/>
  <sheetViews>
    <sheetView view="pageBreakPreview" topLeftCell="A8" zoomScaleNormal="100" zoomScaleSheetLayoutView="100" workbookViewId="0"/>
  </sheetViews>
  <sheetFormatPr defaultColWidth="9" defaultRowHeight="13.2"/>
  <cols>
    <col min="1" max="1" width="4.6640625" style="568" customWidth="1"/>
    <col min="2" max="2" width="3.88671875" style="568" customWidth="1"/>
    <col min="3" max="3" width="7.109375" style="568" customWidth="1"/>
    <col min="4" max="4" width="11.33203125" style="568" bestFit="1" customWidth="1"/>
    <col min="5" max="5" width="10.88671875" style="568" bestFit="1" customWidth="1"/>
    <col min="6" max="6" width="4.6640625" style="568" bestFit="1" customWidth="1"/>
    <col min="7" max="7" width="5.109375" style="568" bestFit="1" customWidth="1"/>
    <col min="8" max="8" width="6.109375" style="568" customWidth="1"/>
    <col min="9" max="9" width="3.109375" style="568" bestFit="1" customWidth="1"/>
    <col min="10" max="10" width="9.109375" style="568" customWidth="1"/>
    <col min="11" max="11" width="14.6640625" style="568" customWidth="1"/>
    <col min="12" max="16384" width="9" style="568"/>
  </cols>
  <sheetData>
    <row r="1" spans="1:13" ht="20.100000000000001" customHeight="1">
      <c r="K1" s="589" t="s">
        <v>840</v>
      </c>
    </row>
    <row r="2" spans="1:13" s="587" customFormat="1" ht="12" customHeight="1">
      <c r="A2" s="588"/>
      <c r="B2" s="588"/>
      <c r="C2" s="588"/>
      <c r="D2" s="588"/>
      <c r="E2" s="588"/>
      <c r="F2" s="588"/>
      <c r="G2" s="588"/>
      <c r="H2" s="588"/>
      <c r="I2" s="588"/>
      <c r="J2" s="588"/>
      <c r="K2" s="588"/>
      <c r="L2" s="588"/>
      <c r="M2" s="588"/>
    </row>
    <row r="3" spans="1:13" s="587" customFormat="1" ht="19.2">
      <c r="A3" s="1343" t="s">
        <v>1245</v>
      </c>
      <c r="B3" s="1343"/>
      <c r="C3" s="1343"/>
      <c r="D3" s="1343"/>
      <c r="E3" s="1343"/>
      <c r="F3" s="1343"/>
      <c r="G3" s="1343"/>
      <c r="H3" s="1343"/>
      <c r="I3" s="1343"/>
      <c r="J3" s="1343"/>
      <c r="K3" s="1343"/>
      <c r="L3" s="588"/>
      <c r="M3" s="588"/>
    </row>
    <row r="4" spans="1:13" s="587" customFormat="1" ht="19.2">
      <c r="A4" s="588"/>
      <c r="B4" s="588"/>
      <c r="C4" s="588"/>
      <c r="D4" s="588"/>
      <c r="E4" s="588"/>
      <c r="F4" s="588"/>
      <c r="G4" s="588"/>
      <c r="H4" s="588"/>
      <c r="I4" s="588"/>
      <c r="J4" s="588"/>
      <c r="K4" s="588"/>
      <c r="L4" s="588"/>
      <c r="M4" s="588"/>
    </row>
    <row r="5" spans="1:13">
      <c r="F5" s="586" t="s">
        <v>91</v>
      </c>
      <c r="G5" s="1344" t="str">
        <f>【調達機関情報】!D69</f>
        <v>　</v>
      </c>
      <c r="H5" s="1345"/>
      <c r="I5" s="1345"/>
      <c r="J5" s="1345"/>
      <c r="K5" s="1345"/>
    </row>
    <row r="6" spans="1:13" ht="13.8" thickBot="1"/>
    <row r="7" spans="1:13" ht="13.8" thickBot="1">
      <c r="A7" s="1346" t="s">
        <v>585</v>
      </c>
      <c r="B7" s="1346"/>
      <c r="C7" s="1346"/>
      <c r="D7" s="1346"/>
      <c r="E7" s="1346"/>
      <c r="F7" s="1346"/>
      <c r="G7" s="1347"/>
      <c r="H7" s="1348"/>
      <c r="I7" s="1349"/>
      <c r="J7" s="1350"/>
    </row>
    <row r="9" spans="1:13">
      <c r="B9" s="585" t="s">
        <v>584</v>
      </c>
    </row>
    <row r="10" spans="1:13" ht="46.35" customHeight="1">
      <c r="C10" s="1351" t="s">
        <v>732</v>
      </c>
      <c r="D10" s="1352"/>
      <c r="E10" s="1352"/>
      <c r="F10" s="1352"/>
      <c r="G10" s="1352"/>
      <c r="H10" s="1352"/>
      <c r="I10" s="1352"/>
      <c r="J10" s="1353"/>
    </row>
    <row r="11" spans="1:13">
      <c r="B11" s="585" t="s">
        <v>583</v>
      </c>
    </row>
    <row r="12" spans="1:13">
      <c r="B12" s="585" t="s">
        <v>853</v>
      </c>
    </row>
    <row r="14" spans="1:13" ht="13.8" thickBot="1">
      <c r="B14" s="585" t="s">
        <v>733</v>
      </c>
    </row>
    <row r="15" spans="1:13" s="555" customFormat="1" ht="22.8">
      <c r="B15" s="1322">
        <v>1</v>
      </c>
      <c r="C15" s="1325" t="s">
        <v>582</v>
      </c>
      <c r="D15" s="584" t="s">
        <v>581</v>
      </c>
      <c r="E15" s="1328"/>
      <c r="F15" s="1329"/>
      <c r="G15" s="1329"/>
      <c r="H15" s="1329"/>
      <c r="I15" s="1330"/>
      <c r="J15" s="583" t="s">
        <v>580</v>
      </c>
      <c r="K15" s="582"/>
    </row>
    <row r="16" spans="1:13" s="555" customFormat="1" ht="20.100000000000001" customHeight="1">
      <c r="B16" s="1323"/>
      <c r="C16" s="1326"/>
      <c r="D16" s="576" t="s">
        <v>17</v>
      </c>
      <c r="E16" s="581"/>
      <c r="F16" s="579" t="s">
        <v>18</v>
      </c>
      <c r="G16" s="576" t="s">
        <v>19</v>
      </c>
      <c r="H16" s="580"/>
      <c r="I16" s="579" t="s">
        <v>20</v>
      </c>
      <c r="J16" s="578" t="s">
        <v>255</v>
      </c>
      <c r="K16" s="577"/>
    </row>
    <row r="17" spans="2:11" s="555" customFormat="1" ht="20.100000000000001" customHeight="1">
      <c r="B17" s="1323"/>
      <c r="C17" s="1327"/>
      <c r="D17" s="576" t="s">
        <v>29</v>
      </c>
      <c r="E17" s="1331"/>
      <c r="F17" s="1332"/>
      <c r="G17" s="1332"/>
      <c r="H17" s="1332"/>
      <c r="I17" s="1332"/>
      <c r="J17" s="1332"/>
      <c r="K17" s="1333"/>
    </row>
    <row r="18" spans="2:11" s="555" customFormat="1">
      <c r="B18" s="1323"/>
      <c r="C18" s="1334" t="s">
        <v>579</v>
      </c>
      <c r="D18" s="1316" t="s">
        <v>578</v>
      </c>
      <c r="E18" s="575" t="s">
        <v>920</v>
      </c>
      <c r="F18" s="573"/>
      <c r="G18" s="573"/>
      <c r="H18" s="573"/>
      <c r="I18" s="573"/>
      <c r="J18" s="573"/>
      <c r="K18" s="572"/>
    </row>
    <row r="19" spans="2:11" s="555" customFormat="1" ht="26.1" customHeight="1">
      <c r="B19" s="1323"/>
      <c r="C19" s="1326"/>
      <c r="D19" s="1336"/>
      <c r="E19" s="1337"/>
      <c r="F19" s="1338"/>
      <c r="G19" s="1338"/>
      <c r="H19" s="1338"/>
      <c r="I19" s="1338"/>
      <c r="J19" s="1338"/>
      <c r="K19" s="1339"/>
    </row>
    <row r="20" spans="2:11" s="555" customFormat="1">
      <c r="B20" s="1323"/>
      <c r="C20" s="1326"/>
      <c r="D20" s="1316" t="s">
        <v>577</v>
      </c>
      <c r="E20" s="575" t="s">
        <v>576</v>
      </c>
      <c r="F20" s="573"/>
      <c r="G20" s="573"/>
      <c r="H20" s="573"/>
      <c r="I20" s="573"/>
      <c r="J20" s="573"/>
      <c r="K20" s="572"/>
    </row>
    <row r="21" spans="2:11" s="555" customFormat="1" ht="26.1" customHeight="1">
      <c r="B21" s="1323"/>
      <c r="C21" s="1326"/>
      <c r="D21" s="1336"/>
      <c r="E21" s="1340"/>
      <c r="F21" s="1341"/>
      <c r="G21" s="1341"/>
      <c r="H21" s="1341"/>
      <c r="I21" s="1341"/>
      <c r="J21" s="1341"/>
      <c r="K21" s="1342"/>
    </row>
    <row r="22" spans="2:11" s="555" customFormat="1">
      <c r="B22" s="1323"/>
      <c r="C22" s="1326"/>
      <c r="D22" s="1316" t="s">
        <v>575</v>
      </c>
      <c r="E22" s="574" t="s">
        <v>574</v>
      </c>
      <c r="F22" s="573"/>
      <c r="G22" s="573"/>
      <c r="H22" s="573"/>
      <c r="I22" s="573"/>
      <c r="J22" s="573"/>
      <c r="K22" s="572"/>
    </row>
    <row r="23" spans="2:11" s="555" customFormat="1">
      <c r="B23" s="1323"/>
      <c r="C23" s="1326"/>
      <c r="D23" s="1317"/>
      <c r="E23" s="571" t="s">
        <v>921</v>
      </c>
      <c r="F23" s="570"/>
      <c r="G23" s="570"/>
      <c r="H23" s="570"/>
      <c r="I23" s="570"/>
      <c r="J23" s="570"/>
      <c r="K23" s="569"/>
    </row>
    <row r="24" spans="2:11" s="555" customFormat="1" ht="26.1" customHeight="1" thickBot="1">
      <c r="B24" s="1324"/>
      <c r="C24" s="1335"/>
      <c r="D24" s="1318"/>
      <c r="E24" s="1319"/>
      <c r="F24" s="1320"/>
      <c r="G24" s="1320"/>
      <c r="H24" s="1320"/>
      <c r="I24" s="1320"/>
      <c r="J24" s="1320"/>
      <c r="K24" s="1321"/>
    </row>
    <row r="25" spans="2:11" s="555" customFormat="1" ht="22.8">
      <c r="B25" s="1322">
        <v>2</v>
      </c>
      <c r="C25" s="1325" t="s">
        <v>582</v>
      </c>
      <c r="D25" s="584" t="s">
        <v>581</v>
      </c>
      <c r="E25" s="1328"/>
      <c r="F25" s="1329"/>
      <c r="G25" s="1329"/>
      <c r="H25" s="1329"/>
      <c r="I25" s="1330"/>
      <c r="J25" s="583" t="s">
        <v>580</v>
      </c>
      <c r="K25" s="582"/>
    </row>
    <row r="26" spans="2:11" s="555" customFormat="1" ht="20.100000000000001" customHeight="1">
      <c r="B26" s="1323"/>
      <c r="C26" s="1326"/>
      <c r="D26" s="576" t="s">
        <v>17</v>
      </c>
      <c r="E26" s="581"/>
      <c r="F26" s="579" t="s">
        <v>18</v>
      </c>
      <c r="G26" s="576" t="s">
        <v>19</v>
      </c>
      <c r="H26" s="580"/>
      <c r="I26" s="579" t="s">
        <v>20</v>
      </c>
      <c r="J26" s="578" t="s">
        <v>255</v>
      </c>
      <c r="K26" s="577"/>
    </row>
    <row r="27" spans="2:11" s="555" customFormat="1" ht="20.100000000000001" customHeight="1">
      <c r="B27" s="1323"/>
      <c r="C27" s="1327"/>
      <c r="D27" s="576" t="s">
        <v>29</v>
      </c>
      <c r="E27" s="1331"/>
      <c r="F27" s="1332"/>
      <c r="G27" s="1332"/>
      <c r="H27" s="1332"/>
      <c r="I27" s="1332"/>
      <c r="J27" s="1332"/>
      <c r="K27" s="1333"/>
    </row>
    <row r="28" spans="2:11" s="555" customFormat="1">
      <c r="B28" s="1323"/>
      <c r="C28" s="1334" t="s">
        <v>579</v>
      </c>
      <c r="D28" s="1316" t="s">
        <v>578</v>
      </c>
      <c r="E28" s="575" t="s">
        <v>920</v>
      </c>
      <c r="F28" s="573"/>
      <c r="G28" s="573"/>
      <c r="H28" s="573"/>
      <c r="I28" s="573"/>
      <c r="J28" s="573"/>
      <c r="K28" s="572"/>
    </row>
    <row r="29" spans="2:11" s="555" customFormat="1" ht="26.1" customHeight="1">
      <c r="B29" s="1323"/>
      <c r="C29" s="1326"/>
      <c r="D29" s="1336"/>
      <c r="E29" s="1337"/>
      <c r="F29" s="1338"/>
      <c r="G29" s="1338"/>
      <c r="H29" s="1338"/>
      <c r="I29" s="1338"/>
      <c r="J29" s="1338"/>
      <c r="K29" s="1339"/>
    </row>
    <row r="30" spans="2:11" s="555" customFormat="1">
      <c r="B30" s="1323"/>
      <c r="C30" s="1326"/>
      <c r="D30" s="1316" t="s">
        <v>577</v>
      </c>
      <c r="E30" s="575" t="s">
        <v>576</v>
      </c>
      <c r="F30" s="573"/>
      <c r="G30" s="573"/>
      <c r="H30" s="573"/>
      <c r="I30" s="573"/>
      <c r="J30" s="573"/>
      <c r="K30" s="572"/>
    </row>
    <row r="31" spans="2:11" s="555" customFormat="1" ht="26.1" customHeight="1">
      <c r="B31" s="1323"/>
      <c r="C31" s="1326"/>
      <c r="D31" s="1336"/>
      <c r="E31" s="1340"/>
      <c r="F31" s="1341"/>
      <c r="G31" s="1341"/>
      <c r="H31" s="1341"/>
      <c r="I31" s="1341"/>
      <c r="J31" s="1341"/>
      <c r="K31" s="1342"/>
    </row>
    <row r="32" spans="2:11" s="555" customFormat="1">
      <c r="B32" s="1323"/>
      <c r="C32" s="1326"/>
      <c r="D32" s="1316" t="s">
        <v>575</v>
      </c>
      <c r="E32" s="574" t="s">
        <v>574</v>
      </c>
      <c r="F32" s="573"/>
      <c r="G32" s="573"/>
      <c r="H32" s="573"/>
      <c r="I32" s="573"/>
      <c r="J32" s="573"/>
      <c r="K32" s="572"/>
    </row>
    <row r="33" spans="2:11" s="555" customFormat="1">
      <c r="B33" s="1323"/>
      <c r="C33" s="1326"/>
      <c r="D33" s="1317"/>
      <c r="E33" s="571" t="s">
        <v>921</v>
      </c>
      <c r="F33" s="570"/>
      <c r="G33" s="570"/>
      <c r="H33" s="570"/>
      <c r="I33" s="570"/>
      <c r="J33" s="570"/>
      <c r="K33" s="569"/>
    </row>
    <row r="34" spans="2:11" s="555" customFormat="1" ht="26.1" customHeight="1" thickBot="1">
      <c r="B34" s="1324"/>
      <c r="C34" s="1335"/>
      <c r="D34" s="1318"/>
      <c r="E34" s="1319"/>
      <c r="F34" s="1320"/>
      <c r="G34" s="1320"/>
      <c r="H34" s="1320"/>
      <c r="I34" s="1320"/>
      <c r="J34" s="1320"/>
      <c r="K34" s="1321"/>
    </row>
    <row r="35" spans="2:11" s="555" customFormat="1" ht="22.8">
      <c r="B35" s="1322">
        <v>3</v>
      </c>
      <c r="C35" s="1325" t="s">
        <v>582</v>
      </c>
      <c r="D35" s="584" t="s">
        <v>581</v>
      </c>
      <c r="E35" s="1328"/>
      <c r="F35" s="1329"/>
      <c r="G35" s="1329"/>
      <c r="H35" s="1329"/>
      <c r="I35" s="1330"/>
      <c r="J35" s="583" t="s">
        <v>580</v>
      </c>
      <c r="K35" s="582"/>
    </row>
    <row r="36" spans="2:11" s="555" customFormat="1" ht="20.100000000000001" customHeight="1">
      <c r="B36" s="1323"/>
      <c r="C36" s="1326"/>
      <c r="D36" s="576" t="s">
        <v>17</v>
      </c>
      <c r="E36" s="581"/>
      <c r="F36" s="579" t="s">
        <v>18</v>
      </c>
      <c r="G36" s="576" t="s">
        <v>19</v>
      </c>
      <c r="H36" s="580"/>
      <c r="I36" s="579" t="s">
        <v>20</v>
      </c>
      <c r="J36" s="578" t="s">
        <v>255</v>
      </c>
      <c r="K36" s="577"/>
    </row>
    <row r="37" spans="2:11" s="555" customFormat="1" ht="20.100000000000001" customHeight="1">
      <c r="B37" s="1323"/>
      <c r="C37" s="1327"/>
      <c r="D37" s="576" t="s">
        <v>29</v>
      </c>
      <c r="E37" s="1331"/>
      <c r="F37" s="1332"/>
      <c r="G37" s="1332"/>
      <c r="H37" s="1332"/>
      <c r="I37" s="1332"/>
      <c r="J37" s="1332"/>
      <c r="K37" s="1333"/>
    </row>
    <row r="38" spans="2:11" s="555" customFormat="1">
      <c r="B38" s="1323"/>
      <c r="C38" s="1334" t="s">
        <v>579</v>
      </c>
      <c r="D38" s="1316" t="s">
        <v>578</v>
      </c>
      <c r="E38" s="575" t="s">
        <v>920</v>
      </c>
      <c r="F38" s="573"/>
      <c r="G38" s="573"/>
      <c r="H38" s="573"/>
      <c r="I38" s="573"/>
      <c r="J38" s="573"/>
      <c r="K38" s="572"/>
    </row>
    <row r="39" spans="2:11" s="555" customFormat="1" ht="26.1" customHeight="1">
      <c r="B39" s="1323"/>
      <c r="C39" s="1326"/>
      <c r="D39" s="1336"/>
      <c r="E39" s="1337"/>
      <c r="F39" s="1338"/>
      <c r="G39" s="1338"/>
      <c r="H39" s="1338"/>
      <c r="I39" s="1338"/>
      <c r="J39" s="1338"/>
      <c r="K39" s="1339"/>
    </row>
    <row r="40" spans="2:11" s="555" customFormat="1">
      <c r="B40" s="1323"/>
      <c r="C40" s="1326"/>
      <c r="D40" s="1316" t="s">
        <v>577</v>
      </c>
      <c r="E40" s="575" t="s">
        <v>576</v>
      </c>
      <c r="F40" s="573"/>
      <c r="G40" s="573"/>
      <c r="H40" s="573"/>
      <c r="I40" s="573"/>
      <c r="J40" s="573"/>
      <c r="K40" s="572"/>
    </row>
    <row r="41" spans="2:11" s="555" customFormat="1" ht="26.1" customHeight="1">
      <c r="B41" s="1323"/>
      <c r="C41" s="1326"/>
      <c r="D41" s="1336"/>
      <c r="E41" s="1340"/>
      <c r="F41" s="1341"/>
      <c r="G41" s="1341"/>
      <c r="H41" s="1341"/>
      <c r="I41" s="1341"/>
      <c r="J41" s="1341"/>
      <c r="K41" s="1342"/>
    </row>
    <row r="42" spans="2:11" s="555" customFormat="1">
      <c r="B42" s="1323"/>
      <c r="C42" s="1326"/>
      <c r="D42" s="1316" t="s">
        <v>575</v>
      </c>
      <c r="E42" s="574" t="s">
        <v>574</v>
      </c>
      <c r="F42" s="573"/>
      <c r="G42" s="573"/>
      <c r="H42" s="573"/>
      <c r="I42" s="573"/>
      <c r="J42" s="573"/>
      <c r="K42" s="572"/>
    </row>
    <row r="43" spans="2:11" s="555" customFormat="1">
      <c r="B43" s="1323"/>
      <c r="C43" s="1326"/>
      <c r="D43" s="1317"/>
      <c r="E43" s="571" t="s">
        <v>921</v>
      </c>
      <c r="F43" s="570"/>
      <c r="G43" s="570"/>
      <c r="H43" s="570"/>
      <c r="I43" s="570"/>
      <c r="J43" s="570"/>
      <c r="K43" s="569"/>
    </row>
    <row r="44" spans="2:11" s="555" customFormat="1" ht="26.1" customHeight="1" thickBot="1">
      <c r="B44" s="1324"/>
      <c r="C44" s="1335"/>
      <c r="D44" s="1318"/>
      <c r="E44" s="1319"/>
      <c r="F44" s="1320"/>
      <c r="G44" s="1320"/>
      <c r="H44" s="1320"/>
      <c r="I44" s="1320"/>
      <c r="J44" s="1320"/>
      <c r="K44" s="1321"/>
    </row>
    <row r="45" spans="2:11">
      <c r="C45" s="568" t="s">
        <v>292</v>
      </c>
    </row>
  </sheetData>
  <mergeCells count="38">
    <mergeCell ref="A3:K3"/>
    <mergeCell ref="G5:K5"/>
    <mergeCell ref="A7:G7"/>
    <mergeCell ref="H7:J7"/>
    <mergeCell ref="C10:J10"/>
    <mergeCell ref="B15:B24"/>
    <mergeCell ref="C15:C17"/>
    <mergeCell ref="E15:I15"/>
    <mergeCell ref="E17:K17"/>
    <mergeCell ref="C18:C24"/>
    <mergeCell ref="D18:D19"/>
    <mergeCell ref="E19:K19"/>
    <mergeCell ref="D20:D21"/>
    <mergeCell ref="E21:K21"/>
    <mergeCell ref="D22:D24"/>
    <mergeCell ref="E24:K24"/>
    <mergeCell ref="C28:C34"/>
    <mergeCell ref="D28:D29"/>
    <mergeCell ref="E29:K29"/>
    <mergeCell ref="D30:D31"/>
    <mergeCell ref="E31:K31"/>
    <mergeCell ref="D32:D34"/>
    <mergeCell ref="D42:D44"/>
    <mergeCell ref="E44:K44"/>
    <mergeCell ref="E34:K34"/>
    <mergeCell ref="B35:B44"/>
    <mergeCell ref="C35:C37"/>
    <mergeCell ref="E35:I35"/>
    <mergeCell ref="E37:K37"/>
    <mergeCell ref="C38:C44"/>
    <mergeCell ref="D38:D39"/>
    <mergeCell ref="E39:K39"/>
    <mergeCell ref="D40:D41"/>
    <mergeCell ref="E41:K41"/>
    <mergeCell ref="B25:B34"/>
    <mergeCell ref="C25:C27"/>
    <mergeCell ref="E25:I25"/>
    <mergeCell ref="E27:K27"/>
  </mergeCells>
  <phoneticPr fontId="7"/>
  <dataValidations count="3">
    <dataValidation type="list" allowBlank="1" showInputMessage="1" showErrorMessage="1" sqref="H7" xr:uid="{00000000-0002-0000-1200-000000000000}">
      <formula1>"該当なし"</formula1>
    </dataValidation>
    <dataValidation type="list" allowBlank="1" showInputMessage="1" showErrorMessage="1" sqref="K16 K26 K36" xr:uid="{00000000-0002-0000-1200-000001000000}">
      <formula1>"庁舎,宿泊施設,試験研究施設,病院,大学,その他"</formula1>
    </dataValidation>
    <dataValidation allowBlank="1" showInputMessage="1" showErrorMessage="1" promptTitle="注）" prompt="駐車場やグラウンドの面積は「延床面積」には含まれません。_x000a_" sqref="E16 E26 E36" xr:uid="{FC9AC2C1-901A-4D03-91A5-944D8B18D5B2}"/>
  </dataValidations>
  <pageMargins left="0.75" right="0.75" top="1" bottom="1" header="0.51200000000000001" footer="0.51200000000000001"/>
  <pageSetup paperSize="9" scale="89" orientation="portrait" r:id="rId1"/>
  <headerFooter alignWithMargins="0"/>
  <ignoredErrors>
    <ignoredError sqref="G5" unlockedFormula="1"/>
  </ignoredError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4">
    <tabColor rgb="FFFFFF00"/>
  </sheetPr>
  <dimension ref="A1:G96"/>
  <sheetViews>
    <sheetView view="pageBreakPreview" topLeftCell="A14" zoomScale="90" zoomScaleNormal="85" zoomScaleSheetLayoutView="90" workbookViewId="0">
      <selection activeCell="J16" sqref="J16"/>
    </sheetView>
  </sheetViews>
  <sheetFormatPr defaultColWidth="9" defaultRowHeight="13.8"/>
  <cols>
    <col min="1" max="1" width="4" style="161" customWidth="1"/>
    <col min="2" max="2" width="3.109375" style="161" customWidth="1"/>
    <col min="3" max="3" width="9" style="211"/>
    <col min="4" max="4" width="15.44140625" style="161" customWidth="1"/>
    <col min="5" max="5" width="15.109375" style="161" customWidth="1"/>
    <col min="6" max="6" width="35.88671875" style="161" customWidth="1"/>
    <col min="7" max="7" width="17.88671875" style="161" customWidth="1"/>
    <col min="8" max="16384" width="9" style="161"/>
  </cols>
  <sheetData>
    <row r="1" spans="1:7" s="159" customFormat="1" ht="16.2">
      <c r="A1" s="855" t="s">
        <v>274</v>
      </c>
      <c r="B1" s="855"/>
      <c r="C1" s="855"/>
      <c r="D1" s="855"/>
      <c r="E1" s="855"/>
      <c r="F1" s="855"/>
      <c r="G1" s="855"/>
    </row>
    <row r="2" spans="1:7" ht="13.2">
      <c r="A2" s="212"/>
      <c r="B2" s="212"/>
      <c r="C2" s="212"/>
      <c r="D2" s="212"/>
      <c r="E2" s="212"/>
      <c r="F2" s="212"/>
      <c r="G2" s="212"/>
    </row>
    <row r="3" spans="1:7" ht="14.4">
      <c r="A3" s="409" t="s">
        <v>375</v>
      </c>
      <c r="B3" s="212"/>
      <c r="C3" s="212"/>
      <c r="D3" s="212"/>
      <c r="F3" s="212"/>
      <c r="G3" s="212"/>
    </row>
    <row r="4" spans="1:7" ht="14.4">
      <c r="A4" s="409"/>
      <c r="B4" s="414" t="s">
        <v>372</v>
      </c>
      <c r="C4" s="212"/>
      <c r="D4" s="212"/>
      <c r="E4" s="212"/>
      <c r="F4" s="212"/>
      <c r="G4" s="212"/>
    </row>
    <row r="5" spans="1:7" ht="14.4">
      <c r="A5" s="409"/>
      <c r="B5" s="212" t="s">
        <v>511</v>
      </c>
      <c r="C5" s="411" t="s">
        <v>523</v>
      </c>
      <c r="D5" s="212"/>
      <c r="E5" s="410"/>
      <c r="F5" s="212"/>
      <c r="G5" s="212"/>
    </row>
    <row r="6" spans="1:7" ht="14.4">
      <c r="A6" s="409"/>
      <c r="B6" s="212" t="s">
        <v>0</v>
      </c>
      <c r="C6" s="212" t="s">
        <v>510</v>
      </c>
      <c r="D6" s="212"/>
      <c r="E6" s="212"/>
      <c r="F6" s="212"/>
      <c r="G6" s="212"/>
    </row>
    <row r="7" spans="1:7" ht="14.4">
      <c r="A7" s="409"/>
      <c r="B7" s="212"/>
      <c r="C7" s="212" t="s">
        <v>522</v>
      </c>
      <c r="D7" s="212"/>
      <c r="E7" s="212"/>
      <c r="F7" s="212"/>
      <c r="G7" s="212"/>
    </row>
    <row r="8" spans="1:7" ht="14.4">
      <c r="A8" s="409"/>
      <c r="B8" s="212"/>
      <c r="C8" s="212"/>
      <c r="D8" s="212"/>
      <c r="E8" s="212"/>
      <c r="F8" s="212"/>
      <c r="G8" s="212"/>
    </row>
    <row r="9" spans="1:7" ht="14.4">
      <c r="A9" s="409" t="s">
        <v>275</v>
      </c>
      <c r="B9" s="212"/>
      <c r="C9" s="212"/>
      <c r="D9" s="212"/>
      <c r="E9" s="212"/>
      <c r="F9" s="212"/>
      <c r="G9" s="212"/>
    </row>
    <row r="10" spans="1:7" ht="14.4">
      <c r="A10" s="409"/>
      <c r="B10" s="414" t="s">
        <v>545</v>
      </c>
      <c r="C10" s="212"/>
      <c r="D10" s="212"/>
      <c r="E10" s="212"/>
      <c r="F10" s="212"/>
      <c r="G10" s="212"/>
    </row>
    <row r="11" spans="1:7" ht="29.85" customHeight="1">
      <c r="A11" s="409"/>
      <c r="B11" s="212" t="s">
        <v>511</v>
      </c>
      <c r="C11" s="856" t="s">
        <v>527</v>
      </c>
      <c r="D11" s="856"/>
      <c r="E11" s="856"/>
      <c r="F11" s="856"/>
      <c r="G11" s="856"/>
    </row>
    <row r="12" spans="1:7" ht="14.25" customHeight="1">
      <c r="A12" s="409"/>
      <c r="B12" s="212"/>
      <c r="C12" s="857"/>
      <c r="D12" s="857"/>
      <c r="E12" s="857"/>
      <c r="F12" s="857"/>
      <c r="G12" s="857"/>
    </row>
    <row r="13" spans="1:7" ht="14.4">
      <c r="A13" s="409"/>
      <c r="B13" s="414" t="s">
        <v>525</v>
      </c>
      <c r="C13" s="212"/>
      <c r="D13" s="212"/>
      <c r="E13" s="212"/>
      <c r="F13" s="212"/>
      <c r="G13" s="212"/>
    </row>
    <row r="14" spans="1:7" ht="70.95" customHeight="1">
      <c r="A14" s="409"/>
      <c r="B14" s="212" t="s">
        <v>511</v>
      </c>
      <c r="C14" s="854" t="s">
        <v>1304</v>
      </c>
      <c r="D14" s="854"/>
      <c r="E14" s="854"/>
      <c r="F14" s="854"/>
      <c r="G14" s="854"/>
    </row>
    <row r="15" spans="1:7" ht="25.05" customHeight="1">
      <c r="A15" s="409"/>
      <c r="B15" s="212" t="s">
        <v>511</v>
      </c>
      <c r="C15" s="858" t="s">
        <v>537</v>
      </c>
      <c r="D15" s="858"/>
      <c r="E15" s="858"/>
      <c r="F15" s="858"/>
      <c r="G15" s="858"/>
    </row>
    <row r="16" spans="1:7" ht="39.6" customHeight="1">
      <c r="A16" s="409"/>
      <c r="B16" s="212" t="s">
        <v>511</v>
      </c>
      <c r="C16" s="858" t="s">
        <v>524</v>
      </c>
      <c r="D16" s="858"/>
      <c r="E16" s="858"/>
      <c r="F16" s="858"/>
      <c r="G16" s="858"/>
    </row>
    <row r="17" spans="1:7" ht="27.6" customHeight="1">
      <c r="A17" s="409"/>
      <c r="B17" s="212" t="s">
        <v>0</v>
      </c>
      <c r="C17" s="857" t="s">
        <v>512</v>
      </c>
      <c r="D17" s="857"/>
      <c r="E17" s="857"/>
      <c r="F17" s="857"/>
      <c r="G17" s="857"/>
    </row>
    <row r="18" spans="1:7" ht="85.05" customHeight="1">
      <c r="A18" s="409"/>
      <c r="B18" s="212" t="s">
        <v>0</v>
      </c>
      <c r="C18" s="859" t="s">
        <v>1346</v>
      </c>
      <c r="D18" s="859"/>
      <c r="E18" s="859"/>
      <c r="F18" s="859"/>
      <c r="G18" s="859"/>
    </row>
    <row r="19" spans="1:7" ht="63" customHeight="1">
      <c r="A19" s="409"/>
      <c r="B19" s="212" t="s">
        <v>0</v>
      </c>
      <c r="C19" s="854" t="s">
        <v>513</v>
      </c>
      <c r="D19" s="854"/>
      <c r="E19" s="854"/>
      <c r="F19" s="854"/>
      <c r="G19" s="854"/>
    </row>
    <row r="20" spans="1:7" ht="40.049999999999997" customHeight="1">
      <c r="A20" s="409"/>
      <c r="B20" s="212" t="s">
        <v>0</v>
      </c>
      <c r="C20" s="854" t="s">
        <v>1317</v>
      </c>
      <c r="D20" s="854"/>
      <c r="E20" s="854"/>
      <c r="F20" s="854"/>
      <c r="G20" s="854"/>
    </row>
    <row r="21" spans="1:7" ht="54.6" customHeight="1">
      <c r="A21" s="409"/>
      <c r="B21" s="212" t="s">
        <v>0</v>
      </c>
      <c r="C21" s="854" t="s">
        <v>1187</v>
      </c>
      <c r="D21" s="854"/>
      <c r="E21" s="854"/>
      <c r="F21" s="854"/>
      <c r="G21" s="854"/>
    </row>
    <row r="22" spans="1:7" ht="99.6" customHeight="1">
      <c r="A22" s="409"/>
      <c r="B22" s="316" t="s">
        <v>295</v>
      </c>
      <c r="C22" s="854" t="s">
        <v>1321</v>
      </c>
      <c r="D22" s="854"/>
      <c r="E22" s="854"/>
      <c r="F22" s="854"/>
      <c r="G22" s="854"/>
    </row>
    <row r="23" spans="1:7" ht="325.95" customHeight="1">
      <c r="A23" s="409"/>
      <c r="B23" s="316"/>
      <c r="C23" s="854"/>
      <c r="D23" s="854"/>
      <c r="E23" s="854"/>
      <c r="F23" s="854"/>
      <c r="G23" s="854"/>
    </row>
    <row r="24" spans="1:7" ht="50.4" customHeight="1">
      <c r="A24" s="160"/>
      <c r="B24" s="212" t="s">
        <v>0</v>
      </c>
      <c r="C24" s="862" t="s">
        <v>1319</v>
      </c>
      <c r="D24" s="860"/>
      <c r="E24" s="860"/>
      <c r="F24" s="860"/>
      <c r="G24" s="860"/>
    </row>
    <row r="25" spans="1:7" ht="76.2" customHeight="1">
      <c r="A25" s="160"/>
      <c r="B25" s="212" t="s">
        <v>0</v>
      </c>
      <c r="C25" s="862" t="s">
        <v>1320</v>
      </c>
      <c r="D25" s="860"/>
      <c r="E25" s="860"/>
      <c r="F25" s="860"/>
      <c r="G25" s="860"/>
    </row>
    <row r="26" spans="1:7" ht="132" customHeight="1">
      <c r="A26" s="160"/>
      <c r="B26" s="212" t="s">
        <v>0</v>
      </c>
      <c r="C26" s="854" t="s">
        <v>932</v>
      </c>
      <c r="D26" s="860"/>
      <c r="E26" s="860"/>
      <c r="F26" s="860"/>
      <c r="G26" s="860"/>
    </row>
    <row r="27" spans="1:7" ht="195.6" customHeight="1">
      <c r="A27" s="409"/>
      <c r="B27" s="212" t="s">
        <v>0</v>
      </c>
      <c r="C27" s="861" t="s">
        <v>934</v>
      </c>
      <c r="D27" s="854"/>
      <c r="E27" s="854"/>
      <c r="F27" s="854"/>
      <c r="G27" s="854"/>
    </row>
    <row r="28" spans="1:7" ht="175.8" customHeight="1">
      <c r="A28" s="409"/>
      <c r="B28" s="212" t="s">
        <v>0</v>
      </c>
      <c r="C28" s="861" t="s">
        <v>935</v>
      </c>
      <c r="D28" s="854"/>
      <c r="E28" s="854"/>
      <c r="F28" s="854"/>
      <c r="G28" s="854"/>
    </row>
    <row r="29" spans="1:7" ht="14.4">
      <c r="A29" s="409"/>
      <c r="B29" s="414" t="s">
        <v>526</v>
      </c>
      <c r="C29" s="212"/>
      <c r="D29" s="212"/>
      <c r="E29" s="212"/>
      <c r="F29" s="212"/>
      <c r="G29" s="212"/>
    </row>
    <row r="30" spans="1:7" ht="69" customHeight="1">
      <c r="A30" s="409"/>
      <c r="B30" s="212" t="s">
        <v>511</v>
      </c>
      <c r="C30" s="854" t="s">
        <v>661</v>
      </c>
      <c r="D30" s="854"/>
      <c r="E30" s="854"/>
      <c r="F30" s="854"/>
      <c r="G30" s="854"/>
    </row>
    <row r="31" spans="1:7" ht="27" customHeight="1">
      <c r="A31" s="409"/>
      <c r="B31" s="212" t="s">
        <v>511</v>
      </c>
      <c r="C31" s="858" t="s">
        <v>569</v>
      </c>
      <c r="D31" s="858"/>
      <c r="E31" s="858"/>
      <c r="F31" s="858"/>
      <c r="G31" s="858"/>
    </row>
    <row r="32" spans="1:7" ht="30" customHeight="1">
      <c r="A32" s="409"/>
      <c r="B32" s="212" t="s">
        <v>511</v>
      </c>
      <c r="C32" s="858" t="s">
        <v>537</v>
      </c>
      <c r="D32" s="858"/>
      <c r="E32" s="858"/>
      <c r="F32" s="858"/>
      <c r="G32" s="858"/>
    </row>
    <row r="33" spans="1:7" ht="39.6" customHeight="1">
      <c r="A33" s="409"/>
      <c r="B33" s="212" t="s">
        <v>511</v>
      </c>
      <c r="C33" s="858" t="s">
        <v>524</v>
      </c>
      <c r="D33" s="858"/>
      <c r="E33" s="858"/>
      <c r="F33" s="858"/>
      <c r="G33" s="858"/>
    </row>
    <row r="34" spans="1:7" ht="40.950000000000003" customHeight="1">
      <c r="A34" s="409"/>
      <c r="B34" s="212" t="s">
        <v>0</v>
      </c>
      <c r="C34" s="854" t="s">
        <v>937</v>
      </c>
      <c r="D34" s="854"/>
      <c r="E34" s="854"/>
      <c r="F34" s="854"/>
      <c r="G34" s="854"/>
    </row>
    <row r="35" spans="1:7" ht="14.4">
      <c r="A35" s="409"/>
      <c r="B35" s="212"/>
      <c r="C35" s="212"/>
      <c r="D35" s="212"/>
      <c r="E35" s="212"/>
      <c r="F35" s="212"/>
      <c r="G35" s="212"/>
    </row>
    <row r="36" spans="1:7" ht="14.4">
      <c r="A36" s="409"/>
      <c r="B36" s="414" t="s">
        <v>813</v>
      </c>
      <c r="C36" s="212"/>
      <c r="D36" s="212"/>
      <c r="E36" s="212"/>
      <c r="F36" s="212"/>
      <c r="G36" s="212"/>
    </row>
    <row r="37" spans="1:7" ht="30" customHeight="1">
      <c r="A37" s="409"/>
      <c r="B37" s="212" t="s">
        <v>511</v>
      </c>
      <c r="C37" s="858" t="s">
        <v>1190</v>
      </c>
      <c r="D37" s="858"/>
      <c r="E37" s="858"/>
      <c r="F37" s="858"/>
      <c r="G37" s="858"/>
    </row>
    <row r="38" spans="1:7" ht="14.4">
      <c r="A38" s="409" t="s">
        <v>276</v>
      </c>
      <c r="B38" s="212"/>
      <c r="C38" s="212"/>
      <c r="D38" s="212"/>
      <c r="E38" s="212"/>
      <c r="F38" s="212"/>
      <c r="G38" s="212"/>
    </row>
    <row r="39" spans="1:7" ht="14.4">
      <c r="A39" s="409"/>
      <c r="B39" s="414" t="s">
        <v>546</v>
      </c>
      <c r="C39" s="212"/>
      <c r="D39" s="212"/>
      <c r="E39" s="212"/>
      <c r="F39" s="212"/>
      <c r="G39" s="212"/>
    </row>
    <row r="40" spans="1:7" ht="118.5" customHeight="1">
      <c r="A40" s="409"/>
      <c r="B40" s="212" t="s">
        <v>511</v>
      </c>
      <c r="C40" s="854" t="s">
        <v>1307</v>
      </c>
      <c r="D40" s="854"/>
      <c r="E40" s="854"/>
      <c r="F40" s="854"/>
      <c r="G40" s="854"/>
    </row>
    <row r="41" spans="1:7" ht="34.950000000000003" customHeight="1">
      <c r="A41" s="409"/>
      <c r="B41" s="212" t="s">
        <v>0</v>
      </c>
      <c r="C41" s="854" t="s">
        <v>936</v>
      </c>
      <c r="D41" s="854"/>
      <c r="E41" s="854"/>
      <c r="F41" s="854"/>
      <c r="G41" s="854"/>
    </row>
    <row r="42" spans="1:7" ht="34.950000000000003" customHeight="1">
      <c r="A42" s="409"/>
      <c r="B42" s="212" t="s">
        <v>0</v>
      </c>
      <c r="C42" s="854" t="s">
        <v>1306</v>
      </c>
      <c r="D42" s="854"/>
      <c r="E42" s="854"/>
      <c r="F42" s="854"/>
      <c r="G42" s="854"/>
    </row>
    <row r="43" spans="1:7" ht="14.4">
      <c r="A43" s="409"/>
      <c r="B43" s="414" t="s">
        <v>547</v>
      </c>
      <c r="C43" s="212"/>
      <c r="D43" s="212"/>
      <c r="E43" s="212"/>
      <c r="F43" s="212"/>
      <c r="G43" s="212"/>
    </row>
    <row r="44" spans="1:7" ht="25.35" customHeight="1">
      <c r="A44" s="409"/>
      <c r="B44" s="212" t="s">
        <v>511</v>
      </c>
      <c r="C44" s="212" t="s">
        <v>617</v>
      </c>
      <c r="D44" s="212"/>
      <c r="E44" s="212"/>
      <c r="F44" s="212"/>
      <c r="G44" s="212"/>
    </row>
    <row r="45" spans="1:7" ht="25.5" customHeight="1">
      <c r="A45" s="409"/>
      <c r="B45" s="212" t="s">
        <v>0</v>
      </c>
      <c r="C45" s="857" t="s">
        <v>528</v>
      </c>
      <c r="D45" s="857"/>
      <c r="E45" s="857"/>
      <c r="F45" s="857"/>
      <c r="G45" s="857"/>
    </row>
    <row r="46" spans="1:7" ht="41.1" customHeight="1">
      <c r="A46" s="409"/>
      <c r="B46" s="212" t="s">
        <v>0</v>
      </c>
      <c r="C46" s="854" t="s">
        <v>658</v>
      </c>
      <c r="D46" s="854"/>
      <c r="E46" s="854"/>
      <c r="F46" s="854"/>
      <c r="G46" s="854"/>
    </row>
    <row r="47" spans="1:7" ht="29.1" customHeight="1">
      <c r="A47" s="409"/>
      <c r="B47" s="212" t="s">
        <v>0</v>
      </c>
      <c r="C47" s="854" t="s">
        <v>657</v>
      </c>
      <c r="D47" s="854"/>
      <c r="E47" s="854"/>
      <c r="F47" s="854"/>
      <c r="G47" s="854"/>
    </row>
    <row r="48" spans="1:7" ht="29.1" customHeight="1">
      <c r="A48" s="409"/>
      <c r="B48" s="212" t="s">
        <v>0</v>
      </c>
      <c r="C48" s="854" t="s">
        <v>529</v>
      </c>
      <c r="D48" s="854"/>
      <c r="E48" s="854"/>
      <c r="F48" s="854"/>
      <c r="G48" s="854"/>
    </row>
    <row r="49" spans="1:7" ht="16.350000000000001" customHeight="1">
      <c r="A49" s="409"/>
      <c r="B49" s="354" t="s">
        <v>0</v>
      </c>
      <c r="C49" s="854" t="s">
        <v>449</v>
      </c>
      <c r="D49" s="854"/>
      <c r="E49" s="854"/>
      <c r="F49" s="854"/>
      <c r="G49" s="854"/>
    </row>
    <row r="50" spans="1:7" ht="29.1" customHeight="1">
      <c r="A50" s="409"/>
      <c r="B50" s="212" t="s">
        <v>0</v>
      </c>
      <c r="C50" s="863" t="s">
        <v>376</v>
      </c>
      <c r="D50" s="863"/>
      <c r="E50" s="863"/>
      <c r="F50" s="863"/>
      <c r="G50" s="863"/>
    </row>
    <row r="51" spans="1:7" ht="14.4">
      <c r="A51" s="409"/>
      <c r="B51" s="212"/>
      <c r="C51" s="212"/>
      <c r="D51" s="212"/>
      <c r="E51" s="212"/>
      <c r="F51" s="212"/>
      <c r="G51" s="212"/>
    </row>
    <row r="52" spans="1:7" ht="14.4">
      <c r="A52" s="409" t="s">
        <v>1</v>
      </c>
      <c r="B52" s="212"/>
      <c r="C52" s="212"/>
      <c r="D52" s="212"/>
      <c r="E52" s="212"/>
      <c r="F52" s="212"/>
      <c r="G52" s="212"/>
    </row>
    <row r="53" spans="1:7" ht="14.4">
      <c r="A53" s="409"/>
      <c r="B53" s="414" t="s">
        <v>532</v>
      </c>
      <c r="C53" s="212"/>
      <c r="D53" s="212"/>
      <c r="E53" s="212"/>
      <c r="F53" s="212"/>
      <c r="G53" s="212"/>
    </row>
    <row r="54" spans="1:7" ht="34.35" customHeight="1">
      <c r="A54" s="409"/>
      <c r="B54" s="212" t="s">
        <v>511</v>
      </c>
      <c r="C54" s="854" t="s">
        <v>619</v>
      </c>
      <c r="D54" s="854"/>
      <c r="E54" s="854"/>
      <c r="F54" s="854"/>
      <c r="G54" s="854"/>
    </row>
    <row r="55" spans="1:7" ht="43.35" customHeight="1">
      <c r="A55" s="409"/>
      <c r="B55" s="212" t="s">
        <v>0</v>
      </c>
      <c r="C55" s="854" t="s">
        <v>623</v>
      </c>
      <c r="D55" s="854"/>
      <c r="E55" s="854"/>
      <c r="F55" s="854"/>
      <c r="G55" s="854"/>
    </row>
    <row r="56" spans="1:7" ht="14.4">
      <c r="A56" s="409"/>
      <c r="B56" s="414" t="s">
        <v>533</v>
      </c>
      <c r="C56" s="212"/>
      <c r="D56" s="212"/>
      <c r="E56" s="212"/>
      <c r="F56" s="212"/>
      <c r="G56" s="212"/>
    </row>
    <row r="57" spans="1:7" ht="43.35" customHeight="1">
      <c r="A57" s="409"/>
      <c r="B57" s="212" t="s">
        <v>511</v>
      </c>
      <c r="C57" s="854" t="s">
        <v>534</v>
      </c>
      <c r="D57" s="854"/>
      <c r="E57" s="854"/>
      <c r="F57" s="854"/>
      <c r="G57" s="854"/>
    </row>
    <row r="58" spans="1:7" ht="29.1" customHeight="1">
      <c r="A58" s="409"/>
      <c r="B58" s="212" t="s">
        <v>0</v>
      </c>
      <c r="C58" s="854" t="s">
        <v>506</v>
      </c>
      <c r="D58" s="854"/>
      <c r="E58" s="854"/>
      <c r="F58" s="854"/>
      <c r="G58" s="854"/>
    </row>
    <row r="59" spans="1:7" ht="14.4">
      <c r="A59" s="409"/>
      <c r="B59" s="212"/>
      <c r="C59" s="212"/>
      <c r="D59" s="212"/>
      <c r="E59" s="212"/>
      <c r="F59" s="212"/>
      <c r="G59" s="212"/>
    </row>
    <row r="60" spans="1:7" ht="14.4">
      <c r="A60" s="409" t="s">
        <v>758</v>
      </c>
      <c r="B60" s="212"/>
      <c r="C60" s="212"/>
      <c r="D60" s="212"/>
      <c r="E60" s="212"/>
      <c r="F60" s="212"/>
      <c r="G60" s="212"/>
    </row>
    <row r="61" spans="1:7" ht="14.4">
      <c r="A61" s="409"/>
      <c r="B61" s="414" t="s">
        <v>741</v>
      </c>
      <c r="C61" s="212"/>
      <c r="D61" s="212"/>
      <c r="E61" s="212"/>
      <c r="F61" s="212"/>
      <c r="G61" s="212"/>
    </row>
    <row r="62" spans="1:7" ht="29.1" customHeight="1">
      <c r="A62" s="409"/>
      <c r="B62" s="212" t="s">
        <v>511</v>
      </c>
      <c r="C62" s="854" t="s">
        <v>620</v>
      </c>
      <c r="D62" s="854"/>
      <c r="E62" s="854"/>
      <c r="F62" s="854"/>
      <c r="G62" s="854"/>
    </row>
    <row r="63" spans="1:7" ht="14.4">
      <c r="A63" s="409"/>
      <c r="B63" s="414" t="s">
        <v>742</v>
      </c>
      <c r="C63" s="212"/>
      <c r="D63" s="212"/>
      <c r="E63" s="212"/>
      <c r="F63" s="212"/>
      <c r="G63" s="212"/>
    </row>
    <row r="64" spans="1:7" ht="29.1" customHeight="1">
      <c r="A64" s="409"/>
      <c r="B64" s="212" t="s">
        <v>511</v>
      </c>
      <c r="C64" s="857" t="s">
        <v>613</v>
      </c>
      <c r="D64" s="857"/>
      <c r="E64" s="857"/>
      <c r="F64" s="857"/>
      <c r="G64" s="857"/>
    </row>
    <row r="65" spans="1:7" ht="14.4">
      <c r="A65" s="409"/>
      <c r="B65" s="212"/>
      <c r="C65" s="316"/>
      <c r="D65" s="316"/>
      <c r="E65" s="316"/>
      <c r="F65" s="316"/>
      <c r="G65" s="316"/>
    </row>
    <row r="66" spans="1:7" ht="14.4">
      <c r="A66" s="409" t="s">
        <v>759</v>
      </c>
      <c r="B66" s="212"/>
      <c r="C66" s="212"/>
      <c r="D66" s="212"/>
      <c r="E66" s="212"/>
      <c r="F66" s="212"/>
      <c r="G66" s="212"/>
    </row>
    <row r="67" spans="1:7" ht="14.4">
      <c r="A67" s="409"/>
      <c r="B67" s="414" t="s">
        <v>760</v>
      </c>
      <c r="C67" s="212"/>
      <c r="D67" s="212"/>
      <c r="E67" s="212"/>
      <c r="F67" s="212"/>
      <c r="G67" s="212"/>
    </row>
    <row r="68" spans="1:7" ht="92.4" customHeight="1">
      <c r="A68" s="409"/>
      <c r="B68" s="212" t="s">
        <v>511</v>
      </c>
      <c r="C68" s="854" t="s">
        <v>1348</v>
      </c>
      <c r="D68" s="860"/>
      <c r="E68" s="860"/>
      <c r="F68" s="860"/>
      <c r="G68" s="860"/>
    </row>
    <row r="69" spans="1:7" ht="14.4">
      <c r="A69" s="409"/>
      <c r="B69" s="414" t="s">
        <v>761</v>
      </c>
      <c r="C69" s="212"/>
      <c r="D69" s="212"/>
      <c r="E69" s="212"/>
      <c r="F69" s="212"/>
      <c r="G69" s="212"/>
    </row>
    <row r="70" spans="1:7" ht="104.4" customHeight="1">
      <c r="A70" s="160"/>
      <c r="B70" s="212" t="s">
        <v>511</v>
      </c>
      <c r="C70" s="854" t="s">
        <v>1324</v>
      </c>
      <c r="D70" s="860"/>
      <c r="E70" s="860"/>
      <c r="F70" s="860"/>
      <c r="G70" s="860"/>
    </row>
    <row r="71" spans="1:7" ht="14.4">
      <c r="A71" s="409"/>
      <c r="B71" s="212"/>
      <c r="C71" s="212"/>
      <c r="D71" s="212"/>
      <c r="E71" s="212"/>
      <c r="F71" s="212"/>
      <c r="G71" s="212"/>
    </row>
    <row r="72" spans="1:7" ht="14.4">
      <c r="A72" s="409" t="s">
        <v>762</v>
      </c>
      <c r="B72" s="212"/>
      <c r="C72" s="212"/>
      <c r="D72" s="212"/>
      <c r="E72" s="212"/>
      <c r="F72" s="212"/>
      <c r="G72" s="212"/>
    </row>
    <row r="73" spans="1:7" ht="14.4">
      <c r="A73" s="160"/>
      <c r="B73" s="414" t="s">
        <v>746</v>
      </c>
    </row>
    <row r="74" spans="1:7" ht="14.4">
      <c r="A74" s="160"/>
      <c r="B74" s="161" t="s">
        <v>511</v>
      </c>
      <c r="C74" s="864" t="s">
        <v>763</v>
      </c>
      <c r="D74" s="865"/>
      <c r="E74" s="865"/>
      <c r="F74" s="865"/>
      <c r="G74" s="865"/>
    </row>
    <row r="75" spans="1:7" ht="14.4">
      <c r="A75" s="409"/>
      <c r="B75" s="414" t="s">
        <v>748</v>
      </c>
      <c r="C75" s="212"/>
      <c r="D75" s="212"/>
      <c r="E75" s="212"/>
      <c r="F75" s="212"/>
      <c r="G75" s="212"/>
    </row>
    <row r="76" spans="1:7" ht="28.5" customHeight="1">
      <c r="A76" s="409"/>
      <c r="B76" s="212" t="s">
        <v>511</v>
      </c>
      <c r="C76" s="854" t="s">
        <v>670</v>
      </c>
      <c r="D76" s="857"/>
      <c r="E76" s="857"/>
      <c r="F76" s="857"/>
      <c r="G76" s="857"/>
    </row>
    <row r="77" spans="1:7" ht="14.4">
      <c r="A77" s="409"/>
      <c r="B77" s="414" t="s">
        <v>749</v>
      </c>
      <c r="C77" s="212"/>
      <c r="D77" s="212"/>
      <c r="E77" s="212"/>
      <c r="F77" s="212"/>
      <c r="G77" s="212"/>
    </row>
    <row r="78" spans="1:7" ht="14.4">
      <c r="A78" s="409"/>
      <c r="B78" s="212" t="s">
        <v>511</v>
      </c>
      <c r="C78" s="857" t="s">
        <v>1308</v>
      </c>
      <c r="D78" s="857"/>
      <c r="E78" s="857"/>
      <c r="F78" s="857"/>
      <c r="G78" s="857"/>
    </row>
    <row r="79" spans="1:7" ht="14.4">
      <c r="A79" s="409"/>
      <c r="B79" s="414" t="s">
        <v>847</v>
      </c>
      <c r="C79" s="212"/>
      <c r="D79" s="212"/>
      <c r="E79" s="212"/>
      <c r="F79" s="212"/>
      <c r="G79" s="212"/>
    </row>
    <row r="80" spans="1:7" ht="65.849999999999994" customHeight="1">
      <c r="A80" s="409"/>
      <c r="B80" s="212" t="s">
        <v>511</v>
      </c>
      <c r="C80" s="854" t="s">
        <v>1309</v>
      </c>
      <c r="D80" s="860"/>
      <c r="E80" s="860"/>
      <c r="F80" s="860"/>
      <c r="G80" s="860"/>
    </row>
    <row r="81" spans="1:7" ht="14.4">
      <c r="A81" s="409"/>
      <c r="B81" s="414" t="s">
        <v>848</v>
      </c>
      <c r="C81" s="212"/>
      <c r="D81" s="212"/>
      <c r="E81" s="212"/>
      <c r="F81" s="212"/>
      <c r="G81" s="212"/>
    </row>
    <row r="82" spans="1:7" ht="67.2" customHeight="1">
      <c r="A82" s="409"/>
      <c r="B82" s="212" t="s">
        <v>511</v>
      </c>
      <c r="C82" s="854" t="s">
        <v>923</v>
      </c>
      <c r="D82" s="854"/>
      <c r="E82" s="854"/>
      <c r="F82" s="854"/>
      <c r="G82" s="854"/>
    </row>
    <row r="83" spans="1:7" ht="14.4">
      <c r="A83" s="409"/>
      <c r="B83" s="212"/>
      <c r="C83" s="212"/>
      <c r="D83" s="212"/>
      <c r="E83" s="212"/>
      <c r="F83" s="212"/>
      <c r="G83" s="212"/>
    </row>
    <row r="84" spans="1:7" ht="14.4">
      <c r="A84" s="409" t="s">
        <v>754</v>
      </c>
      <c r="B84" s="212"/>
      <c r="C84" s="212"/>
      <c r="D84" s="212"/>
      <c r="E84" s="212"/>
      <c r="F84" s="212"/>
      <c r="G84" s="212"/>
    </row>
    <row r="85" spans="1:7" ht="14.4">
      <c r="A85" s="409"/>
      <c r="B85" s="414" t="s">
        <v>755</v>
      </c>
      <c r="C85" s="212"/>
      <c r="D85" s="212"/>
      <c r="E85" s="212"/>
      <c r="F85" s="212"/>
      <c r="G85" s="212"/>
    </row>
    <row r="86" spans="1:7" ht="14.4">
      <c r="A86" s="409"/>
      <c r="B86" s="212" t="s">
        <v>511</v>
      </c>
      <c r="C86" s="857" t="s">
        <v>850</v>
      </c>
      <c r="D86" s="857"/>
      <c r="E86" s="857"/>
      <c r="F86" s="857"/>
      <c r="G86" s="857"/>
    </row>
    <row r="87" spans="1:7" ht="14.4">
      <c r="A87" s="409"/>
      <c r="B87" s="414" t="s">
        <v>756</v>
      </c>
      <c r="C87" s="212"/>
      <c r="D87" s="212"/>
      <c r="E87" s="212"/>
      <c r="F87" s="212"/>
      <c r="G87" s="212"/>
    </row>
    <row r="88" spans="1:7" ht="72.599999999999994" customHeight="1">
      <c r="A88" s="409"/>
      <c r="B88" s="212" t="s">
        <v>511</v>
      </c>
      <c r="C88" s="854" t="s">
        <v>1310</v>
      </c>
      <c r="D88" s="854"/>
      <c r="E88" s="854"/>
      <c r="F88" s="854"/>
      <c r="G88" s="854"/>
    </row>
    <row r="89" spans="1:7" ht="38.4" customHeight="1">
      <c r="A89" s="409"/>
      <c r="B89" s="212" t="s">
        <v>511</v>
      </c>
      <c r="C89" s="858" t="s">
        <v>538</v>
      </c>
      <c r="D89" s="858"/>
      <c r="E89" s="858"/>
      <c r="F89" s="858"/>
      <c r="G89" s="858"/>
    </row>
    <row r="90" spans="1:7" ht="47.4" customHeight="1">
      <c r="A90" s="409"/>
      <c r="B90" s="316" t="s">
        <v>295</v>
      </c>
      <c r="C90" s="854" t="s">
        <v>507</v>
      </c>
      <c r="D90" s="854"/>
      <c r="E90" s="854"/>
      <c r="F90" s="854"/>
      <c r="G90" s="854"/>
    </row>
    <row r="91" spans="1:7" ht="118.8" customHeight="1">
      <c r="A91" s="409"/>
      <c r="B91" s="212" t="s">
        <v>0</v>
      </c>
      <c r="C91" s="854" t="s">
        <v>1225</v>
      </c>
      <c r="D91" s="854"/>
      <c r="E91" s="854"/>
      <c r="F91" s="854"/>
      <c r="G91" s="854"/>
    </row>
    <row r="92" spans="1:7" ht="121.8" customHeight="1">
      <c r="A92" s="409"/>
      <c r="B92" s="212" t="s">
        <v>0</v>
      </c>
      <c r="C92" s="854" t="s">
        <v>1325</v>
      </c>
      <c r="D92" s="854"/>
      <c r="E92" s="854"/>
      <c r="F92" s="854"/>
      <c r="G92" s="854"/>
    </row>
    <row r="93" spans="1:7" s="211" customFormat="1" ht="54.6" customHeight="1">
      <c r="A93" s="409"/>
      <c r="B93" s="316" t="s">
        <v>0</v>
      </c>
      <c r="C93" s="854" t="s">
        <v>539</v>
      </c>
      <c r="D93" s="854"/>
      <c r="E93" s="854"/>
      <c r="F93" s="854"/>
      <c r="G93" s="854"/>
    </row>
    <row r="94" spans="1:7" s="211" customFormat="1" ht="45.6" customHeight="1">
      <c r="A94" s="409"/>
      <c r="B94" s="316" t="s">
        <v>0</v>
      </c>
      <c r="C94" s="854" t="s">
        <v>410</v>
      </c>
      <c r="D94" s="854"/>
      <c r="E94" s="854"/>
      <c r="F94" s="854"/>
      <c r="G94" s="854"/>
    </row>
    <row r="95" spans="1:7" ht="13.2">
      <c r="A95" s="212"/>
      <c r="B95" s="414" t="s">
        <v>757</v>
      </c>
      <c r="C95" s="212"/>
      <c r="D95" s="212"/>
      <c r="E95" s="212"/>
      <c r="F95" s="212"/>
      <c r="G95" s="212"/>
    </row>
    <row r="96" spans="1:7" ht="30" customHeight="1">
      <c r="A96" s="212"/>
      <c r="B96" s="212" t="s">
        <v>511</v>
      </c>
      <c r="C96" s="858" t="s">
        <v>540</v>
      </c>
      <c r="D96" s="858"/>
      <c r="E96" s="858"/>
      <c r="F96" s="858"/>
      <c r="G96" s="858"/>
    </row>
  </sheetData>
  <mergeCells count="55">
    <mergeCell ref="C41:G41"/>
    <mergeCell ref="C92:G92"/>
    <mergeCell ref="C93:G93"/>
    <mergeCell ref="C94:G94"/>
    <mergeCell ref="C96:G96"/>
    <mergeCell ref="C86:G86"/>
    <mergeCell ref="C88:G88"/>
    <mergeCell ref="C89:G89"/>
    <mergeCell ref="C91:G91"/>
    <mergeCell ref="C68:G68"/>
    <mergeCell ref="C90:G90"/>
    <mergeCell ref="C58:G58"/>
    <mergeCell ref="C76:G76"/>
    <mergeCell ref="C78:G78"/>
    <mergeCell ref="C74:G74"/>
    <mergeCell ref="C62:G62"/>
    <mergeCell ref="C64:G64"/>
    <mergeCell ref="C70:G70"/>
    <mergeCell ref="C80:G80"/>
    <mergeCell ref="C82:G82"/>
    <mergeCell ref="C50:G50"/>
    <mergeCell ref="C46:G46"/>
    <mergeCell ref="C54:G54"/>
    <mergeCell ref="C55:G55"/>
    <mergeCell ref="C57:G57"/>
    <mergeCell ref="C42:G42"/>
    <mergeCell ref="C45:G45"/>
    <mergeCell ref="C47:G47"/>
    <mergeCell ref="C48:G48"/>
    <mergeCell ref="C49:G49"/>
    <mergeCell ref="C31:G31"/>
    <mergeCell ref="C32:G32"/>
    <mergeCell ref="C33:G33"/>
    <mergeCell ref="C34:G34"/>
    <mergeCell ref="C40:G40"/>
    <mergeCell ref="C37:G37"/>
    <mergeCell ref="C26:G26"/>
    <mergeCell ref="C28:G28"/>
    <mergeCell ref="C27:G27"/>
    <mergeCell ref="C24:G24"/>
    <mergeCell ref="C30:G30"/>
    <mergeCell ref="C25:G25"/>
    <mergeCell ref="C23:G23"/>
    <mergeCell ref="A1:G1"/>
    <mergeCell ref="C11:G11"/>
    <mergeCell ref="C12:G12"/>
    <mergeCell ref="C14:G14"/>
    <mergeCell ref="C15:G15"/>
    <mergeCell ref="C16:G16"/>
    <mergeCell ref="C17:G17"/>
    <mergeCell ref="C20:G20"/>
    <mergeCell ref="C21:G21"/>
    <mergeCell ref="C22:G22"/>
    <mergeCell ref="C18:G18"/>
    <mergeCell ref="C19:G19"/>
  </mergeCells>
  <phoneticPr fontId="7"/>
  <printOptions horizontalCentered="1"/>
  <pageMargins left="0.39370078740157483" right="0.39370078740157483" top="0.59055118110236227" bottom="0.59055118110236227" header="0.31496062992125984" footer="0.51181102362204722"/>
  <pageSetup paperSize="9" scale="87" fitToHeight="0" orientation="portrait" r:id="rId1"/>
  <headerFooter alignWithMargins="0"/>
  <rowBreaks count="4" manualBreakCount="4">
    <brk id="21" max="6" man="1"/>
    <brk id="27" max="6" man="1"/>
    <brk id="51" max="6" man="1"/>
    <brk id="83" max="6" man="1"/>
  </rowBreaks>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0"/>
  <dimension ref="A1:M35"/>
  <sheetViews>
    <sheetView view="pageBreakPreview" zoomScaleNormal="100" zoomScaleSheetLayoutView="100" workbookViewId="0"/>
  </sheetViews>
  <sheetFormatPr defaultColWidth="9" defaultRowHeight="13.2"/>
  <cols>
    <col min="1" max="1" width="4.6640625" style="14" customWidth="1"/>
    <col min="2" max="2" width="11" style="14" bestFit="1" customWidth="1"/>
    <col min="3" max="8" width="9" style="14"/>
    <col min="9" max="9" width="13.109375" style="14" customWidth="1"/>
    <col min="10" max="10" width="3.88671875" style="14" bestFit="1" customWidth="1"/>
    <col min="11" max="16384" width="9" style="14"/>
  </cols>
  <sheetData>
    <row r="1" spans="1:13" ht="20.100000000000001" customHeight="1">
      <c r="I1" s="92" t="s">
        <v>734</v>
      </c>
    </row>
    <row r="2" spans="1:13" s="16" customFormat="1" ht="12" customHeight="1">
      <c r="A2" s="15"/>
      <c r="B2" s="15"/>
      <c r="C2" s="15"/>
      <c r="D2" s="15"/>
      <c r="E2" s="15"/>
      <c r="F2" s="15"/>
      <c r="G2" s="15"/>
      <c r="H2" s="15"/>
      <c r="I2" s="15"/>
      <c r="J2" s="15"/>
      <c r="K2" s="15"/>
      <c r="L2" s="15"/>
      <c r="M2" s="15"/>
    </row>
    <row r="3" spans="1:13" s="16" customFormat="1" ht="19.2">
      <c r="A3" s="1359" t="s">
        <v>1246</v>
      </c>
      <c r="B3" s="1359"/>
      <c r="C3" s="1359"/>
      <c r="D3" s="1359"/>
      <c r="E3" s="1359"/>
      <c r="F3" s="1359"/>
      <c r="G3" s="1359"/>
      <c r="H3" s="1359"/>
      <c r="I3" s="1359"/>
      <c r="J3" s="1359"/>
      <c r="K3" s="15"/>
      <c r="L3" s="15"/>
      <c r="M3" s="15"/>
    </row>
    <row r="4" spans="1:13" s="16" customFormat="1" ht="19.2">
      <c r="A4" s="15"/>
      <c r="B4" s="15"/>
      <c r="C4" s="15"/>
      <c r="D4" s="15"/>
      <c r="E4" s="15"/>
      <c r="F4" s="15"/>
      <c r="G4" s="15"/>
      <c r="H4" s="15"/>
      <c r="I4" s="15"/>
      <c r="J4" s="15"/>
      <c r="K4" s="15"/>
      <c r="L4" s="15"/>
      <c r="M4" s="15"/>
    </row>
    <row r="5" spans="1:13">
      <c r="F5" s="550" t="s">
        <v>91</v>
      </c>
      <c r="G5" s="1365" t="str">
        <f>【調達機関情報】!D69</f>
        <v>　</v>
      </c>
      <c r="H5" s="1366"/>
      <c r="I5" s="1366"/>
      <c r="J5" s="1366"/>
    </row>
    <row r="6" spans="1:13" ht="13.8" thickBot="1"/>
    <row r="7" spans="1:13" ht="13.8" thickBot="1">
      <c r="A7" s="1363" t="s">
        <v>842</v>
      </c>
      <c r="B7" s="1363"/>
      <c r="C7" s="1363"/>
      <c r="D7" s="1363"/>
      <c r="E7" s="1363"/>
      <c r="F7" s="1363"/>
      <c r="G7" s="1364"/>
      <c r="H7" s="1360"/>
      <c r="I7" s="1361"/>
      <c r="J7" s="1362"/>
    </row>
    <row r="9" spans="1:13" ht="13.8" thickBot="1">
      <c r="A9" s="14" t="s">
        <v>14</v>
      </c>
    </row>
    <row r="10" spans="1:13" s="18" customFormat="1" ht="20.100000000000001" customHeight="1">
      <c r="A10" s="1354">
        <v>1</v>
      </c>
      <c r="B10" s="17" t="s">
        <v>15</v>
      </c>
      <c r="C10" s="1367"/>
      <c r="D10" s="1368"/>
      <c r="E10" s="1368"/>
      <c r="F10" s="1368"/>
      <c r="G10" s="1368"/>
      <c r="H10" s="1368"/>
      <c r="I10" s="1368"/>
      <c r="J10" s="1369"/>
    </row>
    <row r="11" spans="1:13" s="18" customFormat="1" ht="20.100000000000001" customHeight="1">
      <c r="A11" s="1355"/>
      <c r="B11" s="1357" t="s">
        <v>16</v>
      </c>
      <c r="C11" s="113" t="s">
        <v>17</v>
      </c>
      <c r="D11" s="114"/>
      <c r="E11" s="115" t="s">
        <v>18</v>
      </c>
      <c r="F11" s="113" t="s">
        <v>19</v>
      </c>
      <c r="G11" s="115" t="s">
        <v>20</v>
      </c>
      <c r="H11" s="113" t="s">
        <v>21</v>
      </c>
      <c r="I11" s="114"/>
      <c r="J11" s="116" t="s">
        <v>22</v>
      </c>
    </row>
    <row r="12" spans="1:13" s="18" customFormat="1" ht="20.100000000000001" customHeight="1">
      <c r="A12" s="1355"/>
      <c r="B12" s="1358"/>
      <c r="C12" s="113" t="s">
        <v>23</v>
      </c>
      <c r="D12" s="1370" t="s">
        <v>35</v>
      </c>
      <c r="E12" s="1370"/>
      <c r="F12" s="1370"/>
      <c r="G12" s="1370"/>
      <c r="H12" s="1370"/>
      <c r="I12" s="1370"/>
      <c r="J12" s="1371"/>
    </row>
    <row r="13" spans="1:13" s="18" customFormat="1" ht="20.100000000000001" customHeight="1">
      <c r="A13" s="1355"/>
      <c r="B13" s="19" t="s">
        <v>24</v>
      </c>
      <c r="C13" s="117"/>
      <c r="D13" s="118"/>
      <c r="E13" s="113" t="s">
        <v>25</v>
      </c>
      <c r="F13" s="119" t="s">
        <v>26</v>
      </c>
      <c r="G13" s="115" t="s">
        <v>27</v>
      </c>
      <c r="H13" s="113" t="s">
        <v>28</v>
      </c>
      <c r="I13" s="1372"/>
      <c r="J13" s="1373"/>
    </row>
    <row r="14" spans="1:13" ht="40.35" customHeight="1" thickBot="1">
      <c r="A14" s="1356"/>
      <c r="B14" s="20" t="s">
        <v>29</v>
      </c>
      <c r="C14" s="1374"/>
      <c r="D14" s="1375"/>
      <c r="E14" s="1375"/>
      <c r="F14" s="1375"/>
      <c r="G14" s="1375"/>
      <c r="H14" s="1375"/>
      <c r="I14" s="1375"/>
      <c r="J14" s="1376"/>
    </row>
    <row r="15" spans="1:13" s="18" customFormat="1" ht="20.100000000000001" customHeight="1">
      <c r="A15" s="1354">
        <v>2</v>
      </c>
      <c r="B15" s="17" t="s">
        <v>15</v>
      </c>
      <c r="C15" s="1367"/>
      <c r="D15" s="1368"/>
      <c r="E15" s="1368"/>
      <c r="F15" s="1368"/>
      <c r="G15" s="1368"/>
      <c r="H15" s="1368"/>
      <c r="I15" s="1368"/>
      <c r="J15" s="1369"/>
    </row>
    <row r="16" spans="1:13" s="18" customFormat="1" ht="20.100000000000001" customHeight="1">
      <c r="A16" s="1355"/>
      <c r="B16" s="1357" t="s">
        <v>16</v>
      </c>
      <c r="C16" s="113" t="s">
        <v>17</v>
      </c>
      <c r="D16" s="114"/>
      <c r="E16" s="115" t="s">
        <v>18</v>
      </c>
      <c r="F16" s="113" t="s">
        <v>19</v>
      </c>
      <c r="G16" s="115" t="s">
        <v>20</v>
      </c>
      <c r="H16" s="113" t="s">
        <v>21</v>
      </c>
      <c r="I16" s="114"/>
      <c r="J16" s="116" t="s">
        <v>22</v>
      </c>
    </row>
    <row r="17" spans="1:10" s="18" customFormat="1" ht="20.100000000000001" customHeight="1">
      <c r="A17" s="1355"/>
      <c r="B17" s="1358"/>
      <c r="C17" s="113" t="s">
        <v>23</v>
      </c>
      <c r="D17" s="1372"/>
      <c r="E17" s="1372"/>
      <c r="F17" s="1372"/>
      <c r="G17" s="1372"/>
      <c r="H17" s="1372"/>
      <c r="I17" s="1372"/>
      <c r="J17" s="1373"/>
    </row>
    <row r="18" spans="1:10" s="18" customFormat="1" ht="20.100000000000001" customHeight="1">
      <c r="A18" s="1355"/>
      <c r="B18" s="19" t="s">
        <v>24</v>
      </c>
      <c r="C18" s="117"/>
      <c r="D18" s="118"/>
      <c r="E18" s="113" t="s">
        <v>25</v>
      </c>
      <c r="F18" s="119" t="s">
        <v>26</v>
      </c>
      <c r="G18" s="115" t="s">
        <v>27</v>
      </c>
      <c r="H18" s="113" t="s">
        <v>28</v>
      </c>
      <c r="I18" s="1372"/>
      <c r="J18" s="1373"/>
    </row>
    <row r="19" spans="1:10" ht="40.35" customHeight="1" thickBot="1">
      <c r="A19" s="1356"/>
      <c r="B19" s="20" t="s">
        <v>29</v>
      </c>
      <c r="C19" s="1374"/>
      <c r="D19" s="1375"/>
      <c r="E19" s="1375"/>
      <c r="F19" s="1375"/>
      <c r="G19" s="1375"/>
      <c r="H19" s="1375"/>
      <c r="I19" s="1375"/>
      <c r="J19" s="1376"/>
    </row>
    <row r="20" spans="1:10" s="18" customFormat="1" ht="20.100000000000001" customHeight="1">
      <c r="A20" s="1354">
        <v>3</v>
      </c>
      <c r="B20" s="17" t="s">
        <v>15</v>
      </c>
      <c r="C20" s="1367"/>
      <c r="D20" s="1368"/>
      <c r="E20" s="1368"/>
      <c r="F20" s="1368"/>
      <c r="G20" s="1368"/>
      <c r="H20" s="1368"/>
      <c r="I20" s="1368"/>
      <c r="J20" s="1369"/>
    </row>
    <row r="21" spans="1:10" s="18" customFormat="1" ht="20.100000000000001" customHeight="1">
      <c r="A21" s="1355"/>
      <c r="B21" s="1357" t="s">
        <v>16</v>
      </c>
      <c r="C21" s="113" t="s">
        <v>17</v>
      </c>
      <c r="D21" s="114"/>
      <c r="E21" s="115" t="s">
        <v>18</v>
      </c>
      <c r="F21" s="113" t="s">
        <v>19</v>
      </c>
      <c r="G21" s="115" t="s">
        <v>20</v>
      </c>
      <c r="H21" s="113" t="s">
        <v>21</v>
      </c>
      <c r="I21" s="114"/>
      <c r="J21" s="116" t="s">
        <v>22</v>
      </c>
    </row>
    <row r="22" spans="1:10" s="18" customFormat="1" ht="20.100000000000001" customHeight="1">
      <c r="A22" s="1355"/>
      <c r="B22" s="1358"/>
      <c r="C22" s="113" t="s">
        <v>23</v>
      </c>
      <c r="D22" s="1372"/>
      <c r="E22" s="1372"/>
      <c r="F22" s="1372"/>
      <c r="G22" s="1372"/>
      <c r="H22" s="1372"/>
      <c r="I22" s="1372"/>
      <c r="J22" s="1373"/>
    </row>
    <row r="23" spans="1:10" s="18" customFormat="1" ht="20.100000000000001" customHeight="1">
      <c r="A23" s="1355"/>
      <c r="B23" s="19" t="s">
        <v>24</v>
      </c>
      <c r="C23" s="117"/>
      <c r="D23" s="118"/>
      <c r="E23" s="113" t="s">
        <v>25</v>
      </c>
      <c r="F23" s="119" t="s">
        <v>26</v>
      </c>
      <c r="G23" s="115" t="s">
        <v>27</v>
      </c>
      <c r="H23" s="113" t="s">
        <v>28</v>
      </c>
      <c r="I23" s="1372"/>
      <c r="J23" s="1373"/>
    </row>
    <row r="24" spans="1:10" ht="40.35" customHeight="1" thickBot="1">
      <c r="A24" s="1356"/>
      <c r="B24" s="20" t="s">
        <v>29</v>
      </c>
      <c r="C24" s="1374"/>
      <c r="D24" s="1375"/>
      <c r="E24" s="1375"/>
      <c r="F24" s="1375"/>
      <c r="G24" s="1375"/>
      <c r="H24" s="1375"/>
      <c r="I24" s="1375"/>
      <c r="J24" s="1376"/>
    </row>
    <row r="25" spans="1:10" s="18" customFormat="1" ht="20.100000000000001" customHeight="1">
      <c r="A25" s="1354">
        <v>4</v>
      </c>
      <c r="B25" s="17" t="s">
        <v>15</v>
      </c>
      <c r="C25" s="1367"/>
      <c r="D25" s="1368"/>
      <c r="E25" s="1368"/>
      <c r="F25" s="1368"/>
      <c r="G25" s="1368"/>
      <c r="H25" s="1368"/>
      <c r="I25" s="1368"/>
      <c r="J25" s="1369"/>
    </row>
    <row r="26" spans="1:10" s="18" customFormat="1" ht="20.100000000000001" customHeight="1">
      <c r="A26" s="1355"/>
      <c r="B26" s="1357" t="s">
        <v>16</v>
      </c>
      <c r="C26" s="113" t="s">
        <v>17</v>
      </c>
      <c r="D26" s="114"/>
      <c r="E26" s="115" t="s">
        <v>18</v>
      </c>
      <c r="F26" s="113" t="s">
        <v>19</v>
      </c>
      <c r="G26" s="115" t="s">
        <v>20</v>
      </c>
      <c r="H26" s="113" t="s">
        <v>21</v>
      </c>
      <c r="I26" s="114"/>
      <c r="J26" s="116" t="s">
        <v>22</v>
      </c>
    </row>
    <row r="27" spans="1:10" s="18" customFormat="1" ht="20.100000000000001" customHeight="1">
      <c r="A27" s="1355"/>
      <c r="B27" s="1358"/>
      <c r="C27" s="113" t="s">
        <v>23</v>
      </c>
      <c r="D27" s="1372"/>
      <c r="E27" s="1372"/>
      <c r="F27" s="1372"/>
      <c r="G27" s="1372"/>
      <c r="H27" s="1372"/>
      <c r="I27" s="1372"/>
      <c r="J27" s="1373"/>
    </row>
    <row r="28" spans="1:10" s="18" customFormat="1" ht="20.100000000000001" customHeight="1">
      <c r="A28" s="1355"/>
      <c r="B28" s="19" t="s">
        <v>24</v>
      </c>
      <c r="C28" s="117"/>
      <c r="D28" s="118"/>
      <c r="E28" s="113" t="s">
        <v>25</v>
      </c>
      <c r="F28" s="119" t="s">
        <v>26</v>
      </c>
      <c r="G28" s="115" t="s">
        <v>27</v>
      </c>
      <c r="H28" s="113" t="s">
        <v>28</v>
      </c>
      <c r="I28" s="1372"/>
      <c r="J28" s="1373"/>
    </row>
    <row r="29" spans="1:10" ht="40.35" customHeight="1" thickBot="1">
      <c r="A29" s="1356"/>
      <c r="B29" s="20" t="s">
        <v>29</v>
      </c>
      <c r="C29" s="1374"/>
      <c r="D29" s="1375"/>
      <c r="E29" s="1375"/>
      <c r="F29" s="1375"/>
      <c r="G29" s="1375"/>
      <c r="H29" s="1375"/>
      <c r="I29" s="1375"/>
      <c r="J29" s="1376"/>
    </row>
    <row r="30" spans="1:10" s="18" customFormat="1" ht="20.100000000000001" customHeight="1">
      <c r="A30" s="1354">
        <v>5</v>
      </c>
      <c r="B30" s="17" t="s">
        <v>15</v>
      </c>
      <c r="C30" s="1367"/>
      <c r="D30" s="1368"/>
      <c r="E30" s="1368"/>
      <c r="F30" s="1368"/>
      <c r="G30" s="1368"/>
      <c r="H30" s="1368"/>
      <c r="I30" s="1368"/>
      <c r="J30" s="1369"/>
    </row>
    <row r="31" spans="1:10" s="18" customFormat="1" ht="20.100000000000001" customHeight="1">
      <c r="A31" s="1355"/>
      <c r="B31" s="1357" t="s">
        <v>16</v>
      </c>
      <c r="C31" s="113" t="s">
        <v>17</v>
      </c>
      <c r="D31" s="114"/>
      <c r="E31" s="115" t="s">
        <v>18</v>
      </c>
      <c r="F31" s="113" t="s">
        <v>19</v>
      </c>
      <c r="G31" s="115" t="s">
        <v>20</v>
      </c>
      <c r="H31" s="113" t="s">
        <v>21</v>
      </c>
      <c r="I31" s="114"/>
      <c r="J31" s="116" t="s">
        <v>22</v>
      </c>
    </row>
    <row r="32" spans="1:10" s="18" customFormat="1" ht="20.100000000000001" customHeight="1">
      <c r="A32" s="1355"/>
      <c r="B32" s="1358"/>
      <c r="C32" s="113" t="s">
        <v>23</v>
      </c>
      <c r="D32" s="1372"/>
      <c r="E32" s="1372"/>
      <c r="F32" s="1372"/>
      <c r="G32" s="1372"/>
      <c r="H32" s="1372"/>
      <c r="I32" s="1372"/>
      <c r="J32" s="1373"/>
    </row>
    <row r="33" spans="1:10" s="18" customFormat="1" ht="20.100000000000001" customHeight="1">
      <c r="A33" s="1355"/>
      <c r="B33" s="19" t="s">
        <v>24</v>
      </c>
      <c r="C33" s="117"/>
      <c r="D33" s="118"/>
      <c r="E33" s="113" t="s">
        <v>25</v>
      </c>
      <c r="F33" s="119" t="s">
        <v>26</v>
      </c>
      <c r="G33" s="115" t="s">
        <v>27</v>
      </c>
      <c r="H33" s="113" t="s">
        <v>28</v>
      </c>
      <c r="I33" s="1372"/>
      <c r="J33" s="1373"/>
    </row>
    <row r="34" spans="1:10" ht="40.35" customHeight="1" thickBot="1">
      <c r="A34" s="1356"/>
      <c r="B34" s="20" t="s">
        <v>29</v>
      </c>
      <c r="C34" s="1374"/>
      <c r="D34" s="1375"/>
      <c r="E34" s="1375"/>
      <c r="F34" s="1375"/>
      <c r="G34" s="1375"/>
      <c r="H34" s="1375"/>
      <c r="I34" s="1375"/>
      <c r="J34" s="1376"/>
    </row>
    <row r="35" spans="1:10">
      <c r="B35" s="14" t="s">
        <v>292</v>
      </c>
    </row>
  </sheetData>
  <customSheetViews>
    <customSheetView guid="{96F83B05-D121-40EB-85BB-212F4250A2EA}">
      <pageMargins left="0.75" right="0.75" top="1" bottom="1" header="0.51200000000000001" footer="0.51200000000000001"/>
      <pageSetup paperSize="9" scale="99" orientation="portrait" r:id="rId1"/>
      <headerFooter alignWithMargins="0"/>
    </customSheetView>
    <customSheetView guid="{0199004E-6640-4BE5-B2D5-6A0A715378D4}">
      <pageMargins left="0.75" right="0.75" top="1" bottom="1" header="0.51200000000000001" footer="0.51200000000000001"/>
      <pageSetup paperSize="9" scale="99" orientation="portrait" r:id="rId2"/>
      <headerFooter alignWithMargins="0"/>
    </customSheetView>
  </customSheetViews>
  <mergeCells count="34">
    <mergeCell ref="I33:J33"/>
    <mergeCell ref="C34:J34"/>
    <mergeCell ref="D27:J27"/>
    <mergeCell ref="I28:J28"/>
    <mergeCell ref="C29:J29"/>
    <mergeCell ref="C30:J30"/>
    <mergeCell ref="D32:J32"/>
    <mergeCell ref="C20:J20"/>
    <mergeCell ref="D22:J22"/>
    <mergeCell ref="I23:J23"/>
    <mergeCell ref="C24:J24"/>
    <mergeCell ref="C25:J25"/>
    <mergeCell ref="A10:A14"/>
    <mergeCell ref="A3:J3"/>
    <mergeCell ref="A15:A19"/>
    <mergeCell ref="B16:B17"/>
    <mergeCell ref="B11:B12"/>
    <mergeCell ref="H7:J7"/>
    <mergeCell ref="A7:G7"/>
    <mergeCell ref="G5:J5"/>
    <mergeCell ref="C10:J10"/>
    <mergeCell ref="D12:J12"/>
    <mergeCell ref="I13:J13"/>
    <mergeCell ref="C14:J14"/>
    <mergeCell ref="C15:J15"/>
    <mergeCell ref="D17:J17"/>
    <mergeCell ref="I18:J18"/>
    <mergeCell ref="C19:J19"/>
    <mergeCell ref="A20:A24"/>
    <mergeCell ref="B21:B22"/>
    <mergeCell ref="A30:A34"/>
    <mergeCell ref="B31:B32"/>
    <mergeCell ref="A25:A29"/>
    <mergeCell ref="B26:B27"/>
  </mergeCells>
  <phoneticPr fontId="7"/>
  <dataValidations count="4">
    <dataValidation type="list" allowBlank="1" showInputMessage="1" showErrorMessage="1" sqref="H7:J7" xr:uid="{00000000-0002-0000-1300-000000000000}">
      <formula1>"実績なし"</formula1>
    </dataValidation>
    <dataValidation allowBlank="1" showInputMessage="1" showErrorMessage="1" prompt="記入例を参考に、記入例を上書きする。" sqref="D12:J12" xr:uid="{00000000-0002-0000-1300-000001000000}"/>
    <dataValidation type="list" allowBlank="1" showInputMessage="1" showErrorMessage="1" prompt="可能性の有無を選択" sqref="I13:J13 I18:J18 I23:J23 I28:J28 I33:J33" xr:uid="{00000000-0002-0000-1300-000002000000}">
      <formula1>"可能性あり,可能性なし"</formula1>
    </dataValidation>
    <dataValidation allowBlank="1" showInputMessage="1" showErrorMessage="1" promptTitle="注）" prompt="駐車場やグラウンドの面積は「延床面積」には含まれません。_x000a_" sqref="E11 E16 E21 E26 E31" xr:uid="{D9E0D846-FF2D-4441-A24F-6C27F2FB3200}"/>
  </dataValidations>
  <pageMargins left="0.75" right="0.75" top="1" bottom="1" header="0.51200000000000001" footer="0.51200000000000001"/>
  <pageSetup paperSize="9" scale="98" orientation="portrait" r:id="rId3"/>
  <headerFooter alignWithMargins="0"/>
  <ignoredErrors>
    <ignoredError sqref="G5" unlockedFormula="1"/>
  </ignoredErrors>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11"/>
  <dimension ref="A1:M77"/>
  <sheetViews>
    <sheetView view="pageBreakPreview" zoomScaleNormal="100" zoomScaleSheetLayoutView="100" workbookViewId="0"/>
  </sheetViews>
  <sheetFormatPr defaultColWidth="9" defaultRowHeight="13.2"/>
  <cols>
    <col min="1" max="1" width="4.6640625" style="21" customWidth="1"/>
    <col min="2" max="2" width="10.88671875" style="21" customWidth="1"/>
    <col min="3" max="6" width="9" style="21"/>
    <col min="7" max="7" width="10.33203125" style="21" customWidth="1"/>
    <col min="8" max="8" width="9" style="21"/>
    <col min="9" max="9" width="11" style="21" customWidth="1"/>
    <col min="10" max="10" width="7.109375" style="21" bestFit="1" customWidth="1"/>
    <col min="11" max="16384" width="9" style="21"/>
  </cols>
  <sheetData>
    <row r="1" spans="1:13" ht="20.100000000000001" customHeight="1">
      <c r="I1" s="93" t="s">
        <v>785</v>
      </c>
    </row>
    <row r="2" spans="1:13" s="23" customFormat="1" ht="12" customHeight="1">
      <c r="A2" s="22"/>
      <c r="B2" s="22"/>
      <c r="C2" s="22"/>
      <c r="D2" s="22"/>
      <c r="E2" s="22"/>
      <c r="F2" s="22"/>
      <c r="G2" s="22"/>
      <c r="H2" s="22"/>
      <c r="I2" s="22"/>
      <c r="J2" s="22"/>
      <c r="K2" s="22"/>
      <c r="L2" s="22"/>
      <c r="M2" s="22"/>
    </row>
    <row r="3" spans="1:13" s="23" customFormat="1" ht="19.2">
      <c r="A3" s="1406" t="s">
        <v>1359</v>
      </c>
      <c r="B3" s="1406"/>
      <c r="C3" s="1406"/>
      <c r="D3" s="1406"/>
      <c r="E3" s="1406"/>
      <c r="F3" s="1406"/>
      <c r="G3" s="1406"/>
      <c r="H3" s="1406"/>
      <c r="I3" s="1406"/>
      <c r="J3" s="1406"/>
      <c r="K3" s="22"/>
      <c r="L3" s="22"/>
      <c r="M3" s="22"/>
    </row>
    <row r="4" spans="1:13" s="23" customFormat="1" ht="19.2">
      <c r="A4" s="22"/>
      <c r="B4" s="22"/>
      <c r="C4" s="22"/>
      <c r="D4" s="22"/>
      <c r="E4" s="22"/>
      <c r="F4" s="22"/>
      <c r="G4" s="22"/>
      <c r="H4" s="22"/>
      <c r="I4" s="22"/>
      <c r="J4" s="22"/>
      <c r="K4" s="22"/>
      <c r="L4" s="22"/>
      <c r="M4" s="22"/>
    </row>
    <row r="5" spans="1:13" s="14" customFormat="1">
      <c r="F5" s="550" t="s">
        <v>91</v>
      </c>
      <c r="G5" s="1385" t="str">
        <f>【調達機関情報】!D69</f>
        <v>　</v>
      </c>
      <c r="H5" s="1386"/>
      <c r="I5" s="1386"/>
      <c r="J5" s="1386"/>
    </row>
    <row r="6" spans="1:13" s="14" customFormat="1" ht="13.8" thickBot="1"/>
    <row r="7" spans="1:13" s="14" customFormat="1" ht="13.8" thickBot="1">
      <c r="A7" s="1387" t="s">
        <v>815</v>
      </c>
      <c r="B7" s="1387"/>
      <c r="C7" s="1387"/>
      <c r="D7" s="1387"/>
      <c r="E7" s="1387"/>
      <c r="F7" s="1387"/>
      <c r="G7" s="1388"/>
      <c r="H7" s="1418"/>
      <c r="I7" s="1419"/>
      <c r="J7" s="1420"/>
    </row>
    <row r="8" spans="1:13" ht="13.8" thickBot="1"/>
    <row r="9" spans="1:13" s="25" customFormat="1" ht="18" customHeight="1">
      <c r="A9" s="1407">
        <v>1</v>
      </c>
      <c r="B9" s="24" t="s">
        <v>30</v>
      </c>
      <c r="C9" s="1410" t="s">
        <v>176</v>
      </c>
      <c r="D9" s="1411"/>
      <c r="E9" s="1411"/>
      <c r="F9" s="1411"/>
      <c r="G9" s="1411"/>
      <c r="H9" s="1411"/>
      <c r="I9" s="1411"/>
      <c r="J9" s="1412"/>
    </row>
    <row r="10" spans="1:13" s="25" customFormat="1" ht="18" customHeight="1">
      <c r="A10" s="1408"/>
      <c r="B10" s="26" t="s">
        <v>15</v>
      </c>
      <c r="C10" s="1397"/>
      <c r="D10" s="1398"/>
      <c r="E10" s="1398"/>
      <c r="F10" s="1398"/>
      <c r="G10" s="1398"/>
      <c r="H10" s="1398"/>
      <c r="I10" s="1398"/>
      <c r="J10" s="1405"/>
    </row>
    <row r="11" spans="1:13" s="25" customFormat="1" ht="18" customHeight="1">
      <c r="A11" s="1408"/>
      <c r="B11" s="1394" t="s">
        <v>31</v>
      </c>
      <c r="C11" s="29" t="s">
        <v>32</v>
      </c>
      <c r="D11" s="1398"/>
      <c r="E11" s="1398"/>
      <c r="F11" s="1398"/>
      <c r="G11" s="1398"/>
      <c r="H11" s="1398"/>
      <c r="I11" s="1398"/>
      <c r="J11" s="1405"/>
    </row>
    <row r="12" spans="1:13" s="25" customFormat="1" ht="18" customHeight="1">
      <c r="A12" s="1408"/>
      <c r="B12" s="1394"/>
      <c r="C12" s="30" t="s">
        <v>17</v>
      </c>
      <c r="D12" s="31"/>
      <c r="E12" s="32" t="s">
        <v>18</v>
      </c>
      <c r="F12" s="29" t="s">
        <v>19</v>
      </c>
      <c r="G12" s="32" t="s">
        <v>20</v>
      </c>
      <c r="H12" s="29" t="s">
        <v>21</v>
      </c>
      <c r="I12" s="33"/>
      <c r="J12" s="34" t="s">
        <v>22</v>
      </c>
    </row>
    <row r="13" spans="1:13" s="25" customFormat="1" ht="18" customHeight="1">
      <c r="A13" s="1408"/>
      <c r="B13" s="1394"/>
      <c r="C13" s="29" t="s">
        <v>33</v>
      </c>
      <c r="D13" s="33"/>
      <c r="E13" s="33"/>
      <c r="F13" s="33"/>
      <c r="G13" s="35"/>
      <c r="H13" s="29" t="s">
        <v>34</v>
      </c>
      <c r="I13" s="33"/>
      <c r="J13" s="34" t="s">
        <v>26</v>
      </c>
    </row>
    <row r="14" spans="1:13" s="25" customFormat="1" ht="18" customHeight="1">
      <c r="A14" s="1408"/>
      <c r="B14" s="1394"/>
      <c r="C14" s="29" t="s">
        <v>23</v>
      </c>
      <c r="D14" s="1370" t="s">
        <v>35</v>
      </c>
      <c r="E14" s="1370"/>
      <c r="F14" s="1370"/>
      <c r="G14" s="1370"/>
      <c r="H14" s="1370"/>
      <c r="I14" s="1370"/>
      <c r="J14" s="1371"/>
    </row>
    <row r="15" spans="1:13" s="25" customFormat="1" ht="18" customHeight="1">
      <c r="A15" s="1408"/>
      <c r="B15" s="1394" t="s">
        <v>36</v>
      </c>
      <c r="C15" s="36" t="s">
        <v>37</v>
      </c>
      <c r="D15" s="37"/>
      <c r="E15" s="37"/>
      <c r="F15" s="37"/>
      <c r="G15" s="37" t="s">
        <v>38</v>
      </c>
      <c r="H15" s="37"/>
      <c r="I15" s="37"/>
      <c r="J15" s="38"/>
    </row>
    <row r="16" spans="1:13" s="25" customFormat="1" ht="18" customHeight="1">
      <c r="A16" s="1408"/>
      <c r="B16" s="1394"/>
      <c r="C16" s="1389" t="s">
        <v>39</v>
      </c>
      <c r="D16" s="1390"/>
      <c r="E16" s="1390"/>
      <c r="F16" s="1390"/>
      <c r="G16" s="1390"/>
      <c r="H16" s="1390"/>
      <c r="I16" s="1390"/>
      <c r="J16" s="1391"/>
    </row>
    <row r="17" spans="1:10" s="25" customFormat="1" ht="18" customHeight="1">
      <c r="A17" s="1408"/>
      <c r="B17" s="1394"/>
      <c r="C17" s="29" t="s">
        <v>40</v>
      </c>
      <c r="D17" s="33" t="s">
        <v>587</v>
      </c>
      <c r="E17" s="33"/>
      <c r="F17" s="33" t="s">
        <v>586</v>
      </c>
      <c r="G17" s="1398"/>
      <c r="H17" s="1398"/>
      <c r="I17" s="33" t="s">
        <v>41</v>
      </c>
      <c r="J17" s="39"/>
    </row>
    <row r="18" spans="1:10" s="25" customFormat="1" ht="39" customHeight="1">
      <c r="A18" s="1408"/>
      <c r="B18" s="26" t="s">
        <v>42</v>
      </c>
      <c r="C18" s="29" t="s">
        <v>43</v>
      </c>
      <c r="D18" s="1396"/>
      <c r="E18" s="1396"/>
      <c r="F18" s="27" t="s">
        <v>44</v>
      </c>
      <c r="G18" s="40" t="s">
        <v>45</v>
      </c>
      <c r="H18" s="1396"/>
      <c r="I18" s="1396"/>
      <c r="J18" s="28" t="s">
        <v>46</v>
      </c>
    </row>
    <row r="19" spans="1:10" s="25" customFormat="1" ht="18" customHeight="1">
      <c r="A19" s="1408"/>
      <c r="B19" s="26" t="s">
        <v>47</v>
      </c>
      <c r="C19" s="29" t="s">
        <v>48</v>
      </c>
      <c r="D19" s="33"/>
      <c r="E19" s="33"/>
      <c r="F19" s="33"/>
      <c r="G19" s="33" t="s">
        <v>49</v>
      </c>
      <c r="H19" s="33"/>
      <c r="I19" s="33"/>
      <c r="J19" s="39"/>
    </row>
    <row r="20" spans="1:10" s="25" customFormat="1" ht="18" customHeight="1">
      <c r="A20" s="1408"/>
      <c r="B20" s="26" t="s">
        <v>50</v>
      </c>
      <c r="C20" s="29" t="s">
        <v>51</v>
      </c>
      <c r="D20" s="33"/>
      <c r="E20" s="33"/>
      <c r="F20" s="33"/>
      <c r="G20" s="33" t="s">
        <v>52</v>
      </c>
      <c r="H20" s="33"/>
      <c r="I20" s="33"/>
      <c r="J20" s="39"/>
    </row>
    <row r="21" spans="1:10" s="25" customFormat="1" ht="18" customHeight="1">
      <c r="A21" s="1408"/>
      <c r="B21" s="41" t="s">
        <v>53</v>
      </c>
      <c r="C21" s="29" t="s">
        <v>54</v>
      </c>
      <c r="D21" s="33"/>
      <c r="E21" s="33"/>
      <c r="F21" s="33" t="s">
        <v>55</v>
      </c>
      <c r="G21" s="33"/>
      <c r="H21" s="33" t="s">
        <v>56</v>
      </c>
      <c r="I21" s="33"/>
      <c r="J21" s="39"/>
    </row>
    <row r="22" spans="1:10" s="25" customFormat="1" ht="18" customHeight="1">
      <c r="A22" s="1408"/>
      <c r="B22" s="41" t="s">
        <v>57</v>
      </c>
      <c r="C22" s="29"/>
      <c r="D22" s="33"/>
      <c r="E22" s="33"/>
      <c r="F22" s="33"/>
      <c r="G22" s="33"/>
      <c r="H22" s="33"/>
      <c r="I22" s="33"/>
      <c r="J22" s="39"/>
    </row>
    <row r="23" spans="1:10" s="25" customFormat="1" ht="18" customHeight="1">
      <c r="A23" s="1408"/>
      <c r="B23" s="41" t="s">
        <v>58</v>
      </c>
      <c r="C23" s="29" t="s">
        <v>59</v>
      </c>
      <c r="D23" s="33"/>
      <c r="E23" s="33"/>
      <c r="F23" s="33"/>
      <c r="G23" s="33" t="s">
        <v>60</v>
      </c>
      <c r="H23" s="33"/>
      <c r="I23" s="33"/>
      <c r="J23" s="39"/>
    </row>
    <row r="24" spans="1:10" s="25" customFormat="1" ht="18" customHeight="1">
      <c r="A24" s="1408"/>
      <c r="B24" s="1413" t="s">
        <v>61</v>
      </c>
      <c r="C24" s="1397"/>
      <c r="D24" s="1399"/>
      <c r="E24" s="1397" t="s">
        <v>62</v>
      </c>
      <c r="F24" s="1398"/>
      <c r="G24" s="1399"/>
      <c r="H24" s="1397" t="s">
        <v>63</v>
      </c>
      <c r="I24" s="1398"/>
      <c r="J24" s="1405"/>
    </row>
    <row r="25" spans="1:10" s="25" customFormat="1" ht="18" customHeight="1">
      <c r="A25" s="1408"/>
      <c r="B25" s="1414"/>
      <c r="C25" s="1397" t="s">
        <v>64</v>
      </c>
      <c r="D25" s="1399"/>
      <c r="E25" s="1397" t="s">
        <v>503</v>
      </c>
      <c r="F25" s="1398"/>
      <c r="G25" s="1399"/>
      <c r="H25" s="1400" t="s">
        <v>504</v>
      </c>
      <c r="I25" s="1401"/>
      <c r="J25" s="1402"/>
    </row>
    <row r="26" spans="1:10" s="25" customFormat="1" ht="18" customHeight="1">
      <c r="A26" s="1408"/>
      <c r="B26" s="1414"/>
      <c r="C26" s="1424" t="s">
        <v>65</v>
      </c>
      <c r="D26" s="1425"/>
      <c r="E26" s="1403"/>
      <c r="F26" s="1404"/>
      <c r="G26" s="42" t="s">
        <v>66</v>
      </c>
      <c r="H26" s="1403"/>
      <c r="I26" s="1404"/>
      <c r="J26" s="43" t="s">
        <v>66</v>
      </c>
    </row>
    <row r="27" spans="1:10" s="25" customFormat="1" ht="18" customHeight="1">
      <c r="A27" s="1408"/>
      <c r="B27" s="1414"/>
      <c r="C27" s="1392" t="s">
        <v>67</v>
      </c>
      <c r="D27" s="1393"/>
      <c r="E27" s="1383"/>
      <c r="F27" s="1384"/>
      <c r="G27" s="44" t="s">
        <v>68</v>
      </c>
      <c r="H27" s="1383"/>
      <c r="I27" s="1384"/>
      <c r="J27" s="45" t="s">
        <v>68</v>
      </c>
    </row>
    <row r="28" spans="1:10" s="25" customFormat="1" ht="18" customHeight="1">
      <c r="A28" s="1408"/>
      <c r="B28" s="1414"/>
      <c r="C28" s="1392" t="s">
        <v>69</v>
      </c>
      <c r="D28" s="1393"/>
      <c r="E28" s="1383"/>
      <c r="F28" s="1384"/>
      <c r="G28" s="44" t="s">
        <v>70</v>
      </c>
      <c r="H28" s="1383"/>
      <c r="I28" s="1384"/>
      <c r="J28" s="45" t="s">
        <v>70</v>
      </c>
    </row>
    <row r="29" spans="1:10" s="25" customFormat="1" ht="18" customHeight="1">
      <c r="A29" s="1408"/>
      <c r="B29" s="1414"/>
      <c r="C29" s="1392" t="s">
        <v>71</v>
      </c>
      <c r="D29" s="1393"/>
      <c r="E29" s="1383"/>
      <c r="F29" s="1384"/>
      <c r="G29" s="44" t="s">
        <v>72</v>
      </c>
      <c r="H29" s="1383"/>
      <c r="I29" s="1384"/>
      <c r="J29" s="45" t="s">
        <v>72</v>
      </c>
    </row>
    <row r="30" spans="1:10" s="25" customFormat="1" ht="18" customHeight="1">
      <c r="A30" s="1408"/>
      <c r="B30" s="1414"/>
      <c r="C30" s="1392" t="s">
        <v>73</v>
      </c>
      <c r="D30" s="1393"/>
      <c r="E30" s="1383"/>
      <c r="F30" s="1384"/>
      <c r="G30" s="44" t="s">
        <v>167</v>
      </c>
      <c r="H30" s="1383"/>
      <c r="I30" s="1384"/>
      <c r="J30" s="45" t="s">
        <v>167</v>
      </c>
    </row>
    <row r="31" spans="1:10" s="25" customFormat="1" ht="18" customHeight="1">
      <c r="A31" s="1408"/>
      <c r="B31" s="1414"/>
      <c r="C31" s="1392" t="s">
        <v>74</v>
      </c>
      <c r="D31" s="1393"/>
      <c r="E31" s="1383"/>
      <c r="F31" s="1384"/>
      <c r="G31" s="44" t="s">
        <v>168</v>
      </c>
      <c r="H31" s="1383"/>
      <c r="I31" s="1384"/>
      <c r="J31" s="45" t="s">
        <v>168</v>
      </c>
    </row>
    <row r="32" spans="1:10" s="25" customFormat="1" ht="18" customHeight="1">
      <c r="A32" s="1408"/>
      <c r="B32" s="1414"/>
      <c r="C32" s="1392" t="s">
        <v>175</v>
      </c>
      <c r="D32" s="1393"/>
      <c r="E32" s="1383"/>
      <c r="F32" s="1384"/>
      <c r="G32" s="44"/>
      <c r="H32" s="1383"/>
      <c r="I32" s="1384"/>
      <c r="J32" s="45"/>
    </row>
    <row r="33" spans="1:10" s="25" customFormat="1" ht="18" customHeight="1">
      <c r="A33" s="1408"/>
      <c r="B33" s="1414"/>
      <c r="C33" s="1392" t="s">
        <v>75</v>
      </c>
      <c r="D33" s="1393"/>
      <c r="E33" s="1383"/>
      <c r="F33" s="1384"/>
      <c r="G33" s="44" t="s">
        <v>76</v>
      </c>
      <c r="H33" s="1383"/>
      <c r="I33" s="1384"/>
      <c r="J33" s="45" t="s">
        <v>76</v>
      </c>
    </row>
    <row r="34" spans="1:10" s="25" customFormat="1" ht="18" customHeight="1">
      <c r="A34" s="1408"/>
      <c r="B34" s="1414"/>
      <c r="C34" s="1416" t="s">
        <v>77</v>
      </c>
      <c r="D34" s="1417"/>
      <c r="E34" s="1383"/>
      <c r="F34" s="1384"/>
      <c r="G34" s="102" t="s">
        <v>170</v>
      </c>
      <c r="H34" s="1383"/>
      <c r="I34" s="1384"/>
      <c r="J34" s="174" t="s">
        <v>170</v>
      </c>
    </row>
    <row r="35" spans="1:10" s="25" customFormat="1" ht="18" customHeight="1">
      <c r="A35" s="1408"/>
      <c r="B35" s="1415"/>
      <c r="C35" s="46" t="s">
        <v>78</v>
      </c>
      <c r="D35" s="47"/>
      <c r="E35" s="48"/>
      <c r="F35" s="49" t="s">
        <v>79</v>
      </c>
      <c r="G35" s="50" t="s">
        <v>169</v>
      </c>
      <c r="H35" s="48"/>
      <c r="I35" s="48"/>
      <c r="J35" s="51" t="s">
        <v>79</v>
      </c>
    </row>
    <row r="36" spans="1:10" s="25" customFormat="1" ht="18" customHeight="1">
      <c r="A36" s="1408"/>
      <c r="B36" s="1394" t="s">
        <v>80</v>
      </c>
      <c r="C36" s="1380"/>
      <c r="D36" s="1381"/>
      <c r="E36" s="1381"/>
      <c r="F36" s="1381"/>
      <c r="G36" s="1381"/>
      <c r="H36" s="1381"/>
      <c r="I36" s="1381"/>
      <c r="J36" s="1382"/>
    </row>
    <row r="37" spans="1:10" s="25" customFormat="1" ht="18" customHeight="1">
      <c r="A37" s="1408"/>
      <c r="B37" s="1394"/>
      <c r="C37" s="1377"/>
      <c r="D37" s="1378"/>
      <c r="E37" s="1378"/>
      <c r="F37" s="1378"/>
      <c r="G37" s="1378"/>
      <c r="H37" s="1378"/>
      <c r="I37" s="1378"/>
      <c r="J37" s="1379"/>
    </row>
    <row r="38" spans="1:10" s="25" customFormat="1" ht="18" customHeight="1">
      <c r="A38" s="1408"/>
      <c r="B38" s="1394"/>
      <c r="C38" s="1377"/>
      <c r="D38" s="1378"/>
      <c r="E38" s="1378"/>
      <c r="F38" s="1378"/>
      <c r="G38" s="1378"/>
      <c r="H38" s="1378"/>
      <c r="I38" s="1378"/>
      <c r="J38" s="1379"/>
    </row>
    <row r="39" spans="1:10" s="25" customFormat="1" ht="18" customHeight="1">
      <c r="A39" s="1408"/>
      <c r="B39" s="1394"/>
      <c r="C39" s="1377"/>
      <c r="D39" s="1378"/>
      <c r="E39" s="1378"/>
      <c r="F39" s="1378"/>
      <c r="G39" s="1378"/>
      <c r="H39" s="1378"/>
      <c r="I39" s="1378"/>
      <c r="J39" s="1379"/>
    </row>
    <row r="40" spans="1:10" s="25" customFormat="1" ht="18" customHeight="1">
      <c r="A40" s="1408"/>
      <c r="B40" s="1394"/>
      <c r="C40" s="1377"/>
      <c r="D40" s="1378"/>
      <c r="E40" s="1378"/>
      <c r="F40" s="1378"/>
      <c r="G40" s="1378"/>
      <c r="H40" s="1378"/>
      <c r="I40" s="1378"/>
      <c r="J40" s="1379"/>
    </row>
    <row r="41" spans="1:10" s="25" customFormat="1" ht="18" customHeight="1">
      <c r="A41" s="1408"/>
      <c r="B41" s="1394"/>
      <c r="C41" s="1377"/>
      <c r="D41" s="1378"/>
      <c r="E41" s="1378"/>
      <c r="F41" s="1378"/>
      <c r="G41" s="1378"/>
      <c r="H41" s="1378"/>
      <c r="I41" s="1378"/>
      <c r="J41" s="1379"/>
    </row>
    <row r="42" spans="1:10" s="25" customFormat="1" ht="18" customHeight="1" thickBot="1">
      <c r="A42" s="1409"/>
      <c r="B42" s="1395"/>
      <c r="C42" s="1421"/>
      <c r="D42" s="1422"/>
      <c r="E42" s="1422"/>
      <c r="F42" s="1422"/>
      <c r="G42" s="1422"/>
      <c r="H42" s="1422"/>
      <c r="I42" s="1422"/>
      <c r="J42" s="1423"/>
    </row>
    <row r="43" spans="1:10" s="25" customFormat="1" ht="18" customHeight="1">
      <c r="A43" s="1407">
        <v>2</v>
      </c>
      <c r="B43" s="24" t="s">
        <v>30</v>
      </c>
      <c r="C43" s="1410" t="s">
        <v>176</v>
      </c>
      <c r="D43" s="1411"/>
      <c r="E43" s="1411"/>
      <c r="F43" s="1411"/>
      <c r="G43" s="1411"/>
      <c r="H43" s="1411"/>
      <c r="I43" s="1411"/>
      <c r="J43" s="1412"/>
    </row>
    <row r="44" spans="1:10" s="25" customFormat="1" ht="18" customHeight="1">
      <c r="A44" s="1408"/>
      <c r="B44" s="26" t="s">
        <v>15</v>
      </c>
      <c r="C44" s="1397"/>
      <c r="D44" s="1398"/>
      <c r="E44" s="1398"/>
      <c r="F44" s="1398"/>
      <c r="G44" s="1398"/>
      <c r="H44" s="1398"/>
      <c r="I44" s="1398"/>
      <c r="J44" s="1405"/>
    </row>
    <row r="45" spans="1:10" s="25" customFormat="1" ht="18" customHeight="1">
      <c r="A45" s="1408"/>
      <c r="B45" s="1394" t="s">
        <v>31</v>
      </c>
      <c r="C45" s="29" t="s">
        <v>32</v>
      </c>
      <c r="D45" s="1398"/>
      <c r="E45" s="1398"/>
      <c r="F45" s="1398"/>
      <c r="G45" s="1398"/>
      <c r="H45" s="1398"/>
      <c r="I45" s="1398"/>
      <c r="J45" s="1405"/>
    </row>
    <row r="46" spans="1:10" s="25" customFormat="1" ht="18" customHeight="1">
      <c r="A46" s="1408"/>
      <c r="B46" s="1394"/>
      <c r="C46" s="30" t="s">
        <v>17</v>
      </c>
      <c r="D46" s="31"/>
      <c r="E46" s="32" t="s">
        <v>18</v>
      </c>
      <c r="F46" s="29" t="s">
        <v>19</v>
      </c>
      <c r="G46" s="32" t="s">
        <v>20</v>
      </c>
      <c r="H46" s="29" t="s">
        <v>21</v>
      </c>
      <c r="I46" s="33"/>
      <c r="J46" s="34" t="s">
        <v>22</v>
      </c>
    </row>
    <row r="47" spans="1:10" s="25" customFormat="1" ht="18" customHeight="1">
      <c r="A47" s="1408"/>
      <c r="B47" s="1394"/>
      <c r="C47" s="29" t="s">
        <v>33</v>
      </c>
      <c r="D47" s="33"/>
      <c r="E47" s="33"/>
      <c r="F47" s="33"/>
      <c r="G47" s="35"/>
      <c r="H47" s="29" t="s">
        <v>34</v>
      </c>
      <c r="I47" s="33"/>
      <c r="J47" s="34" t="s">
        <v>26</v>
      </c>
    </row>
    <row r="48" spans="1:10" s="25" customFormat="1" ht="18" customHeight="1">
      <c r="A48" s="1408"/>
      <c r="B48" s="1394"/>
      <c r="C48" s="29" t="s">
        <v>23</v>
      </c>
      <c r="D48" s="1370" t="s">
        <v>35</v>
      </c>
      <c r="E48" s="1370"/>
      <c r="F48" s="1370"/>
      <c r="G48" s="1370"/>
      <c r="H48" s="1370"/>
      <c r="I48" s="1370"/>
      <c r="J48" s="1371"/>
    </row>
    <row r="49" spans="1:10" s="25" customFormat="1" ht="18" customHeight="1">
      <c r="A49" s="1408"/>
      <c r="B49" s="1394" t="s">
        <v>36</v>
      </c>
      <c r="C49" s="36" t="s">
        <v>37</v>
      </c>
      <c r="D49" s="37"/>
      <c r="E49" s="37"/>
      <c r="F49" s="37"/>
      <c r="G49" s="37" t="s">
        <v>38</v>
      </c>
      <c r="H49" s="37"/>
      <c r="I49" s="37"/>
      <c r="J49" s="38"/>
    </row>
    <row r="50" spans="1:10" s="25" customFormat="1" ht="18" customHeight="1">
      <c r="A50" s="1408"/>
      <c r="B50" s="1394"/>
      <c r="C50" s="1389" t="s">
        <v>39</v>
      </c>
      <c r="D50" s="1390"/>
      <c r="E50" s="1390"/>
      <c r="F50" s="1390"/>
      <c r="G50" s="1390"/>
      <c r="H50" s="1390"/>
      <c r="I50" s="1390"/>
      <c r="J50" s="1391"/>
    </row>
    <row r="51" spans="1:10" s="25" customFormat="1" ht="18" customHeight="1">
      <c r="A51" s="1408"/>
      <c r="B51" s="1394"/>
      <c r="C51" s="29" t="s">
        <v>40</v>
      </c>
      <c r="D51" s="33" t="s">
        <v>587</v>
      </c>
      <c r="E51" s="33"/>
      <c r="F51" s="33" t="s">
        <v>586</v>
      </c>
      <c r="G51" s="1398"/>
      <c r="H51" s="1398"/>
      <c r="I51" s="33" t="s">
        <v>41</v>
      </c>
      <c r="J51" s="39"/>
    </row>
    <row r="52" spans="1:10" s="25" customFormat="1" ht="39" customHeight="1">
      <c r="A52" s="1408"/>
      <c r="B52" s="26" t="s">
        <v>42</v>
      </c>
      <c r="C52" s="29" t="s">
        <v>43</v>
      </c>
      <c r="D52" s="1396"/>
      <c r="E52" s="1396"/>
      <c r="F52" s="27" t="s">
        <v>44</v>
      </c>
      <c r="G52" s="40" t="s">
        <v>45</v>
      </c>
      <c r="H52" s="1396"/>
      <c r="I52" s="1396"/>
      <c r="J52" s="28" t="s">
        <v>44</v>
      </c>
    </row>
    <row r="53" spans="1:10" s="25" customFormat="1" ht="18" customHeight="1">
      <c r="A53" s="1408"/>
      <c r="B53" s="26" t="s">
        <v>47</v>
      </c>
      <c r="C53" s="29" t="s">
        <v>48</v>
      </c>
      <c r="D53" s="33"/>
      <c r="E53" s="33"/>
      <c r="F53" s="33"/>
      <c r="G53" s="33" t="s">
        <v>49</v>
      </c>
      <c r="H53" s="33"/>
      <c r="I53" s="33"/>
      <c r="J53" s="39"/>
    </row>
    <row r="54" spans="1:10" s="25" customFormat="1" ht="18" customHeight="1">
      <c r="A54" s="1408"/>
      <c r="B54" s="26" t="s">
        <v>50</v>
      </c>
      <c r="C54" s="29" t="s">
        <v>51</v>
      </c>
      <c r="D54" s="33"/>
      <c r="E54" s="33"/>
      <c r="F54" s="33"/>
      <c r="G54" s="33" t="s">
        <v>52</v>
      </c>
      <c r="H54" s="33"/>
      <c r="I54" s="33"/>
      <c r="J54" s="39"/>
    </row>
    <row r="55" spans="1:10" s="25" customFormat="1" ht="18" customHeight="1">
      <c r="A55" s="1408"/>
      <c r="B55" s="41" t="s">
        <v>53</v>
      </c>
      <c r="C55" s="29" t="s">
        <v>54</v>
      </c>
      <c r="D55" s="33"/>
      <c r="E55" s="33"/>
      <c r="F55" s="33" t="s">
        <v>55</v>
      </c>
      <c r="G55" s="33"/>
      <c r="H55" s="33" t="s">
        <v>56</v>
      </c>
      <c r="I55" s="33"/>
      <c r="J55" s="39"/>
    </row>
    <row r="56" spans="1:10" s="25" customFormat="1" ht="18" customHeight="1">
      <c r="A56" s="1408"/>
      <c r="B56" s="41" t="s">
        <v>57</v>
      </c>
      <c r="C56" s="29"/>
      <c r="D56" s="33"/>
      <c r="E56" s="33"/>
      <c r="F56" s="33"/>
      <c r="G56" s="33"/>
      <c r="H56" s="33"/>
      <c r="I56" s="33"/>
      <c r="J56" s="39"/>
    </row>
    <row r="57" spans="1:10" s="25" customFormat="1" ht="18" customHeight="1">
      <c r="A57" s="1408"/>
      <c r="B57" s="41" t="s">
        <v>58</v>
      </c>
      <c r="C57" s="29" t="s">
        <v>59</v>
      </c>
      <c r="D57" s="33"/>
      <c r="E57" s="33"/>
      <c r="F57" s="33"/>
      <c r="G57" s="33" t="s">
        <v>60</v>
      </c>
      <c r="H57" s="33"/>
      <c r="I57" s="33"/>
      <c r="J57" s="39"/>
    </row>
    <row r="58" spans="1:10" s="25" customFormat="1" ht="18" customHeight="1">
      <c r="A58" s="1408"/>
      <c r="B58" s="1413" t="s">
        <v>61</v>
      </c>
      <c r="C58" s="1397"/>
      <c r="D58" s="1399"/>
      <c r="E58" s="1397" t="s">
        <v>62</v>
      </c>
      <c r="F58" s="1398"/>
      <c r="G58" s="1399"/>
      <c r="H58" s="1397" t="s">
        <v>63</v>
      </c>
      <c r="I58" s="1398"/>
      <c r="J58" s="1405"/>
    </row>
    <row r="59" spans="1:10" s="25" customFormat="1" ht="18" customHeight="1">
      <c r="A59" s="1408"/>
      <c r="B59" s="1414"/>
      <c r="C59" s="1397" t="s">
        <v>64</v>
      </c>
      <c r="D59" s="1399"/>
      <c r="E59" s="1397" t="s">
        <v>503</v>
      </c>
      <c r="F59" s="1398"/>
      <c r="G59" s="1399"/>
      <c r="H59" s="1400" t="s">
        <v>504</v>
      </c>
      <c r="I59" s="1401"/>
      <c r="J59" s="1402"/>
    </row>
    <row r="60" spans="1:10" s="25" customFormat="1" ht="18" customHeight="1">
      <c r="A60" s="1408"/>
      <c r="B60" s="1414"/>
      <c r="C60" s="1424" t="s">
        <v>65</v>
      </c>
      <c r="D60" s="1425"/>
      <c r="E60" s="1403"/>
      <c r="F60" s="1404"/>
      <c r="G60" s="42" t="s">
        <v>66</v>
      </c>
      <c r="H60" s="1403"/>
      <c r="I60" s="1404"/>
      <c r="J60" s="43" t="s">
        <v>66</v>
      </c>
    </row>
    <row r="61" spans="1:10" s="25" customFormat="1" ht="18" customHeight="1">
      <c r="A61" s="1408"/>
      <c r="B61" s="1414"/>
      <c r="C61" s="1392" t="s">
        <v>67</v>
      </c>
      <c r="D61" s="1393"/>
      <c r="E61" s="1383"/>
      <c r="F61" s="1384"/>
      <c r="G61" s="44" t="s">
        <v>68</v>
      </c>
      <c r="H61" s="1383"/>
      <c r="I61" s="1384"/>
      <c r="J61" s="45" t="s">
        <v>68</v>
      </c>
    </row>
    <row r="62" spans="1:10" s="25" customFormat="1" ht="18" customHeight="1">
      <c r="A62" s="1408"/>
      <c r="B62" s="1414"/>
      <c r="C62" s="1392" t="s">
        <v>69</v>
      </c>
      <c r="D62" s="1393"/>
      <c r="E62" s="1383"/>
      <c r="F62" s="1384"/>
      <c r="G62" s="44" t="s">
        <v>70</v>
      </c>
      <c r="H62" s="1383"/>
      <c r="I62" s="1384"/>
      <c r="J62" s="45" t="s">
        <v>70</v>
      </c>
    </row>
    <row r="63" spans="1:10" s="25" customFormat="1" ht="18" customHeight="1">
      <c r="A63" s="1408"/>
      <c r="B63" s="1414"/>
      <c r="C63" s="1392" t="s">
        <v>71</v>
      </c>
      <c r="D63" s="1393"/>
      <c r="E63" s="1383"/>
      <c r="F63" s="1384"/>
      <c r="G63" s="44" t="s">
        <v>66</v>
      </c>
      <c r="H63" s="1383"/>
      <c r="I63" s="1384"/>
      <c r="J63" s="45" t="s">
        <v>66</v>
      </c>
    </row>
    <row r="64" spans="1:10" s="25" customFormat="1" ht="18" customHeight="1">
      <c r="A64" s="1408"/>
      <c r="B64" s="1414"/>
      <c r="C64" s="1392" t="s">
        <v>73</v>
      </c>
      <c r="D64" s="1393"/>
      <c r="E64" s="1383"/>
      <c r="F64" s="1384"/>
      <c r="G64" s="44" t="s">
        <v>167</v>
      </c>
      <c r="H64" s="1383"/>
      <c r="I64" s="1384"/>
      <c r="J64" s="45" t="s">
        <v>167</v>
      </c>
    </row>
    <row r="65" spans="1:10" s="25" customFormat="1" ht="18" customHeight="1">
      <c r="A65" s="1408"/>
      <c r="B65" s="1414"/>
      <c r="C65" s="1392" t="s">
        <v>74</v>
      </c>
      <c r="D65" s="1393"/>
      <c r="E65" s="1383"/>
      <c r="F65" s="1384"/>
      <c r="G65" s="44" t="s">
        <v>168</v>
      </c>
      <c r="H65" s="1383"/>
      <c r="I65" s="1384"/>
      <c r="J65" s="45" t="s">
        <v>168</v>
      </c>
    </row>
    <row r="66" spans="1:10" s="25" customFormat="1" ht="18" customHeight="1">
      <c r="A66" s="1408"/>
      <c r="B66" s="1414"/>
      <c r="C66" s="1392" t="s">
        <v>175</v>
      </c>
      <c r="D66" s="1393"/>
      <c r="E66" s="1383"/>
      <c r="F66" s="1384"/>
      <c r="G66" s="44"/>
      <c r="H66" s="1383"/>
      <c r="I66" s="1384"/>
      <c r="J66" s="45"/>
    </row>
    <row r="67" spans="1:10" s="25" customFormat="1" ht="18" customHeight="1">
      <c r="A67" s="1408"/>
      <c r="B67" s="1414"/>
      <c r="C67" s="1392" t="s">
        <v>75</v>
      </c>
      <c r="D67" s="1393"/>
      <c r="E67" s="1383"/>
      <c r="F67" s="1384"/>
      <c r="G67" s="44" t="s">
        <v>76</v>
      </c>
      <c r="H67" s="1383"/>
      <c r="I67" s="1384"/>
      <c r="J67" s="45" t="s">
        <v>76</v>
      </c>
    </row>
    <row r="68" spans="1:10" s="25" customFormat="1" ht="18" customHeight="1">
      <c r="A68" s="1408"/>
      <c r="B68" s="1414"/>
      <c r="C68" s="1416" t="s">
        <v>77</v>
      </c>
      <c r="D68" s="1417"/>
      <c r="E68" s="1383"/>
      <c r="F68" s="1384"/>
      <c r="G68" s="102" t="s">
        <v>170</v>
      </c>
      <c r="H68" s="1383"/>
      <c r="I68" s="1384"/>
      <c r="J68" s="174" t="s">
        <v>170</v>
      </c>
    </row>
    <row r="69" spans="1:10" s="25" customFormat="1" ht="18" customHeight="1">
      <c r="A69" s="1408"/>
      <c r="B69" s="1415"/>
      <c r="C69" s="46" t="s">
        <v>78</v>
      </c>
      <c r="D69" s="47"/>
      <c r="E69" s="48"/>
      <c r="F69" s="49" t="s">
        <v>79</v>
      </c>
      <c r="G69" s="50" t="s">
        <v>169</v>
      </c>
      <c r="H69" s="48"/>
      <c r="I69" s="48"/>
      <c r="J69" s="51" t="s">
        <v>79</v>
      </c>
    </row>
    <row r="70" spans="1:10" s="25" customFormat="1" ht="18" customHeight="1">
      <c r="A70" s="1408"/>
      <c r="B70" s="1394" t="s">
        <v>80</v>
      </c>
      <c r="C70" s="1380"/>
      <c r="D70" s="1381"/>
      <c r="E70" s="1381"/>
      <c r="F70" s="1381"/>
      <c r="G70" s="1381"/>
      <c r="H70" s="1381"/>
      <c r="I70" s="1381"/>
      <c r="J70" s="1382"/>
    </row>
    <row r="71" spans="1:10" s="25" customFormat="1" ht="18" customHeight="1">
      <c r="A71" s="1408"/>
      <c r="B71" s="1394"/>
      <c r="C71" s="1377"/>
      <c r="D71" s="1378"/>
      <c r="E71" s="1378"/>
      <c r="F71" s="1378"/>
      <c r="G71" s="1378"/>
      <c r="H71" s="1378"/>
      <c r="I71" s="1378"/>
      <c r="J71" s="1379"/>
    </row>
    <row r="72" spans="1:10" s="25" customFormat="1" ht="18" customHeight="1">
      <c r="A72" s="1408"/>
      <c r="B72" s="1394"/>
      <c r="C72" s="1377"/>
      <c r="D72" s="1378"/>
      <c r="E72" s="1378"/>
      <c r="F72" s="1378"/>
      <c r="G72" s="1378"/>
      <c r="H72" s="1378"/>
      <c r="I72" s="1378"/>
      <c r="J72" s="1379"/>
    </row>
    <row r="73" spans="1:10" s="25" customFormat="1" ht="18" customHeight="1">
      <c r="A73" s="1408"/>
      <c r="B73" s="1394"/>
      <c r="C73" s="1377"/>
      <c r="D73" s="1378"/>
      <c r="E73" s="1378"/>
      <c r="F73" s="1378"/>
      <c r="G73" s="1378"/>
      <c r="H73" s="1378"/>
      <c r="I73" s="1378"/>
      <c r="J73" s="1379"/>
    </row>
    <row r="74" spans="1:10" s="25" customFormat="1" ht="18" customHeight="1">
      <c r="A74" s="1408"/>
      <c r="B74" s="1394"/>
      <c r="C74" s="1377"/>
      <c r="D74" s="1378"/>
      <c r="E74" s="1378"/>
      <c r="F74" s="1378"/>
      <c r="G74" s="1378"/>
      <c r="H74" s="1378"/>
      <c r="I74" s="1378"/>
      <c r="J74" s="1379"/>
    </row>
    <row r="75" spans="1:10" s="25" customFormat="1" ht="18" customHeight="1">
      <c r="A75" s="1408"/>
      <c r="B75" s="1394"/>
      <c r="C75" s="1377"/>
      <c r="D75" s="1378"/>
      <c r="E75" s="1378"/>
      <c r="F75" s="1378"/>
      <c r="G75" s="1378"/>
      <c r="H75" s="1378"/>
      <c r="I75" s="1378"/>
      <c r="J75" s="1379"/>
    </row>
    <row r="76" spans="1:10" s="25" customFormat="1" ht="18" customHeight="1" thickBot="1">
      <c r="A76" s="1409"/>
      <c r="B76" s="1395"/>
      <c r="C76" s="1421"/>
      <c r="D76" s="1422"/>
      <c r="E76" s="1422"/>
      <c r="F76" s="1422"/>
      <c r="G76" s="1422"/>
      <c r="H76" s="1422"/>
      <c r="I76" s="1422"/>
      <c r="J76" s="1423"/>
    </row>
    <row r="77" spans="1:10">
      <c r="B77" s="14" t="s">
        <v>292</v>
      </c>
    </row>
  </sheetData>
  <customSheetViews>
    <customSheetView guid="{96F83B05-D121-40EB-85BB-212F4250A2EA}">
      <rowBreaks count="1" manualBreakCount="1">
        <brk id="42" max="16383" man="1"/>
      </rowBreaks>
      <pageMargins left="0.75" right="0.75" top="1" bottom="1" header="0.51200000000000001" footer="0.51200000000000001"/>
      <pageSetup paperSize="9" scale="97" orientation="portrait" r:id="rId1"/>
      <headerFooter alignWithMargins="0"/>
    </customSheetView>
    <customSheetView guid="{0199004E-6640-4BE5-B2D5-6A0A715378D4}">
      <rowBreaks count="1" manualBreakCount="1">
        <brk id="42" max="16383" man="1"/>
      </rowBreaks>
      <pageMargins left="0.75" right="0.75" top="1" bottom="1" header="0.51200000000000001" footer="0.51200000000000001"/>
      <pageSetup paperSize="9" scale="97" orientation="portrait" r:id="rId2"/>
      <headerFooter alignWithMargins="0"/>
    </customSheetView>
  </customSheetViews>
  <mergeCells count="110">
    <mergeCell ref="G51:H51"/>
    <mergeCell ref="G17:H17"/>
    <mergeCell ref="B70:B76"/>
    <mergeCell ref="C70:J70"/>
    <mergeCell ref="C71:J71"/>
    <mergeCell ref="C72:J72"/>
    <mergeCell ref="C73:J73"/>
    <mergeCell ref="C74:J74"/>
    <mergeCell ref="C75:J75"/>
    <mergeCell ref="C76:J76"/>
    <mergeCell ref="C66:D66"/>
    <mergeCell ref="E66:F66"/>
    <mergeCell ref="H66:I66"/>
    <mergeCell ref="C67:D67"/>
    <mergeCell ref="E67:F67"/>
    <mergeCell ref="H67:I67"/>
    <mergeCell ref="C68:D68"/>
    <mergeCell ref="E68:F68"/>
    <mergeCell ref="H68:I68"/>
    <mergeCell ref="C63:D63"/>
    <mergeCell ref="E63:F63"/>
    <mergeCell ref="H63:I63"/>
    <mergeCell ref="C64:D64"/>
    <mergeCell ref="E64:F64"/>
    <mergeCell ref="H64:I64"/>
    <mergeCell ref="C65:D65"/>
    <mergeCell ref="E65:F65"/>
    <mergeCell ref="H65:I65"/>
    <mergeCell ref="H59:J59"/>
    <mergeCell ref="C60:D60"/>
    <mergeCell ref="E60:F60"/>
    <mergeCell ref="H60:I60"/>
    <mergeCell ref="C61:D61"/>
    <mergeCell ref="E61:F61"/>
    <mergeCell ref="H61:I61"/>
    <mergeCell ref="C62:D62"/>
    <mergeCell ref="E62:F62"/>
    <mergeCell ref="H62:I62"/>
    <mergeCell ref="C42:J42"/>
    <mergeCell ref="C26:D26"/>
    <mergeCell ref="C27:D27"/>
    <mergeCell ref="C28:D28"/>
    <mergeCell ref="C29:D29"/>
    <mergeCell ref="C30:D30"/>
    <mergeCell ref="C31:D31"/>
    <mergeCell ref="C32:D32"/>
    <mergeCell ref="A43:A76"/>
    <mergeCell ref="C43:J43"/>
    <mergeCell ref="C44:J44"/>
    <mergeCell ref="B45:B48"/>
    <mergeCell ref="D45:J45"/>
    <mergeCell ref="D48:J48"/>
    <mergeCell ref="B49:B51"/>
    <mergeCell ref="C50:J50"/>
    <mergeCell ref="D52:E52"/>
    <mergeCell ref="H52:I52"/>
    <mergeCell ref="B58:B69"/>
    <mergeCell ref="C58:D58"/>
    <mergeCell ref="E58:G58"/>
    <mergeCell ref="H58:J58"/>
    <mergeCell ref="C59:D59"/>
    <mergeCell ref="E59:G59"/>
    <mergeCell ref="E31:F31"/>
    <mergeCell ref="H25:J25"/>
    <mergeCell ref="E25:G25"/>
    <mergeCell ref="E26:F26"/>
    <mergeCell ref="H24:J24"/>
    <mergeCell ref="A3:J3"/>
    <mergeCell ref="A9:A42"/>
    <mergeCell ref="C9:J9"/>
    <mergeCell ref="D11:J11"/>
    <mergeCell ref="D14:J14"/>
    <mergeCell ref="E28:F28"/>
    <mergeCell ref="E29:F29"/>
    <mergeCell ref="B24:B35"/>
    <mergeCell ref="H26:I26"/>
    <mergeCell ref="H27:I27"/>
    <mergeCell ref="H28:I28"/>
    <mergeCell ref="H29:I29"/>
    <mergeCell ref="H30:I30"/>
    <mergeCell ref="E27:F27"/>
    <mergeCell ref="C24:D24"/>
    <mergeCell ref="C34:D34"/>
    <mergeCell ref="C25:D25"/>
    <mergeCell ref="H7:J7"/>
    <mergeCell ref="C10:J10"/>
    <mergeCell ref="C38:J38"/>
    <mergeCell ref="C36:J36"/>
    <mergeCell ref="H33:I33"/>
    <mergeCell ref="H34:I34"/>
    <mergeCell ref="E33:F33"/>
    <mergeCell ref="E34:F34"/>
    <mergeCell ref="G5:J5"/>
    <mergeCell ref="A7:G7"/>
    <mergeCell ref="C40:J40"/>
    <mergeCell ref="C16:J16"/>
    <mergeCell ref="C33:D33"/>
    <mergeCell ref="C37:J37"/>
    <mergeCell ref="B11:B14"/>
    <mergeCell ref="B36:B42"/>
    <mergeCell ref="D18:E18"/>
    <mergeCell ref="C41:J41"/>
    <mergeCell ref="C39:J39"/>
    <mergeCell ref="B15:B17"/>
    <mergeCell ref="E24:G24"/>
    <mergeCell ref="H18:I18"/>
    <mergeCell ref="H31:I31"/>
    <mergeCell ref="H32:I32"/>
    <mergeCell ref="E30:F30"/>
    <mergeCell ref="E32:F32"/>
  </mergeCells>
  <phoneticPr fontId="7"/>
  <dataValidations count="3">
    <dataValidation type="list" allowBlank="1" showInputMessage="1" showErrorMessage="1" sqref="H7:J7" xr:uid="{00000000-0002-0000-1400-000000000000}">
      <formula1>"実績なし"</formula1>
    </dataValidation>
    <dataValidation allowBlank="1" showInputMessage="1" showErrorMessage="1" prompt="記入例を参考に、記入例を上書きする。" sqref="D14:J14 C9:J9 D48:J48 C43:J43" xr:uid="{00000000-0002-0000-1400-000001000000}"/>
    <dataValidation allowBlank="1" showInputMessage="1" showErrorMessage="1" promptTitle="注）" prompt="駐車場やグラウンドの面積は「延床面積」には含まれません。" sqref="E12 E46" xr:uid="{46B23CCA-5177-4D3F-B0B6-F2EAF7767A2D}"/>
  </dataValidations>
  <pageMargins left="0.75" right="0.75" top="1" bottom="1" header="0.51200000000000001" footer="0.51200000000000001"/>
  <pageSetup paperSize="9" scale="97" orientation="portrait" r:id="rId3"/>
  <headerFooter alignWithMargins="0"/>
  <rowBreaks count="1" manualBreakCount="1">
    <brk id="42" max="16383" man="1"/>
  </row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7"/>
  <dimension ref="A1:K32"/>
  <sheetViews>
    <sheetView zoomScaleNormal="100" workbookViewId="0"/>
  </sheetViews>
  <sheetFormatPr defaultColWidth="8.88671875" defaultRowHeight="13.2"/>
  <cols>
    <col min="1" max="1" width="2.88671875" style="14" customWidth="1"/>
    <col min="2" max="2" width="3.44140625" style="14" bestFit="1" customWidth="1"/>
    <col min="3" max="3" width="55.77734375" style="14" customWidth="1"/>
    <col min="4" max="4" width="12.6640625" style="14" customWidth="1"/>
    <col min="5" max="5" width="14.77734375" style="14" customWidth="1"/>
    <col min="6" max="16384" width="8.88671875" style="14"/>
  </cols>
  <sheetData>
    <row r="1" spans="1:11" s="524" customFormat="1" ht="20.100000000000001" customHeight="1">
      <c r="E1" s="525" t="s">
        <v>786</v>
      </c>
    </row>
    <row r="2" spans="1:11" s="524" customFormat="1" ht="6.6" customHeight="1">
      <c r="I2" s="526"/>
    </row>
    <row r="3" spans="1:11" s="529" customFormat="1" ht="19.2">
      <c r="A3" s="1426" t="s">
        <v>1358</v>
      </c>
      <c r="B3" s="1427"/>
      <c r="C3" s="1427"/>
      <c r="D3" s="1427"/>
      <c r="E3" s="1427"/>
      <c r="F3" s="527"/>
      <c r="G3" s="528"/>
      <c r="I3" s="528"/>
      <c r="J3" s="528"/>
      <c r="K3" s="528"/>
    </row>
    <row r="4" spans="1:11" s="524" customFormat="1" ht="6.6" customHeight="1"/>
    <row r="5" spans="1:11" s="524" customFormat="1">
      <c r="C5" s="530" t="s">
        <v>109</v>
      </c>
      <c r="D5" s="1121" t="str">
        <f>【調達機関情報】!D69</f>
        <v>　</v>
      </c>
      <c r="E5" s="1122"/>
    </row>
    <row r="7" spans="1:11" ht="19.95" customHeight="1" thickBot="1">
      <c r="A7" s="531" t="s">
        <v>860</v>
      </c>
    </row>
    <row r="8" spans="1:11" s="18" customFormat="1" ht="30" customHeight="1">
      <c r="B8" s="532" t="s">
        <v>698</v>
      </c>
      <c r="C8" s="593" t="s">
        <v>875</v>
      </c>
      <c r="D8" s="533">
        <v>0</v>
      </c>
    </row>
    <row r="9" spans="1:11" s="18" customFormat="1" ht="30" customHeight="1" thickBot="1">
      <c r="B9" s="534" t="s">
        <v>677</v>
      </c>
      <c r="C9" s="562" t="s">
        <v>876</v>
      </c>
      <c r="D9" s="535">
        <v>0</v>
      </c>
    </row>
    <row r="10" spans="1:11" ht="16.2" customHeight="1">
      <c r="C10" s="594" t="s">
        <v>873</v>
      </c>
      <c r="D10" s="548"/>
      <c r="E10" s="549"/>
    </row>
    <row r="11" spans="1:11" ht="16.2" customHeight="1">
      <c r="C11" s="594" t="s">
        <v>888</v>
      </c>
      <c r="D11" s="548"/>
      <c r="E11" s="549"/>
    </row>
    <row r="12" spans="1:11" ht="16.2" customHeight="1">
      <c r="C12" s="594" t="s">
        <v>889</v>
      </c>
      <c r="D12" s="548"/>
      <c r="E12" s="549"/>
    </row>
    <row r="13" spans="1:11" ht="16.2" customHeight="1">
      <c r="C13" s="590" t="s">
        <v>914</v>
      </c>
      <c r="D13" s="548"/>
      <c r="E13" s="549"/>
    </row>
    <row r="14" spans="1:11" ht="16.2" customHeight="1">
      <c r="C14" s="594" t="s">
        <v>917</v>
      </c>
      <c r="D14" s="548"/>
      <c r="E14" s="549"/>
    </row>
    <row r="15" spans="1:11" ht="16.2" customHeight="1">
      <c r="C15" s="594" t="s">
        <v>918</v>
      </c>
      <c r="D15" s="548"/>
      <c r="E15" s="549"/>
    </row>
    <row r="16" spans="1:11" ht="9" customHeight="1">
      <c r="C16" s="590"/>
      <c r="D16" s="548"/>
      <c r="E16" s="549"/>
    </row>
    <row r="17" spans="1:5" ht="16.2" customHeight="1">
      <c r="C17" s="594" t="s">
        <v>872</v>
      </c>
      <c r="D17" s="548"/>
      <c r="E17" s="549"/>
    </row>
    <row r="18" spans="1:5" ht="13.95" customHeight="1">
      <c r="C18" s="595" t="s">
        <v>871</v>
      </c>
      <c r="D18" s="548"/>
      <c r="E18" s="549"/>
    </row>
    <row r="19" spans="1:5" ht="16.2" customHeight="1">
      <c r="C19" s="594" t="s">
        <v>877</v>
      </c>
      <c r="D19" s="548"/>
      <c r="E19" s="549"/>
    </row>
    <row r="20" spans="1:5" ht="16.2" customHeight="1">
      <c r="C20" s="594" t="s">
        <v>878</v>
      </c>
      <c r="D20" s="548"/>
      <c r="E20" s="549"/>
    </row>
    <row r="21" spans="1:5" ht="13.95" customHeight="1">
      <c r="C21" s="595" t="s">
        <v>879</v>
      </c>
      <c r="D21" s="548"/>
      <c r="E21" s="549"/>
    </row>
    <row r="22" spans="1:5" ht="12.6" customHeight="1"/>
    <row r="23" spans="1:5" ht="19.95" customHeight="1" thickBot="1">
      <c r="A23" s="531" t="s">
        <v>862</v>
      </c>
    </row>
    <row r="24" spans="1:5" ht="13.8" thickBot="1">
      <c r="B24" s="1428" t="s">
        <v>92</v>
      </c>
      <c r="C24" s="1429"/>
      <c r="D24" s="536" t="s">
        <v>93</v>
      </c>
    </row>
    <row r="25" spans="1:5" ht="30" customHeight="1" thickTop="1">
      <c r="B25" s="537" t="s">
        <v>706</v>
      </c>
      <c r="C25" s="538" t="s">
        <v>854</v>
      </c>
      <c r="D25" s="539"/>
    </row>
    <row r="26" spans="1:5" ht="30" customHeight="1">
      <c r="B26" s="540" t="s">
        <v>692</v>
      </c>
      <c r="C26" s="541" t="s">
        <v>855</v>
      </c>
      <c r="D26" s="542"/>
    </row>
    <row r="27" spans="1:5" ht="30" customHeight="1" thickBot="1">
      <c r="B27" s="543" t="s">
        <v>816</v>
      </c>
      <c r="C27" s="544" t="s">
        <v>381</v>
      </c>
      <c r="D27" s="545"/>
    </row>
    <row r="28" spans="1:5" ht="30" customHeight="1" thickTop="1" thickBot="1">
      <c r="B28" s="1430" t="s">
        <v>707</v>
      </c>
      <c r="C28" s="1431"/>
      <c r="D28" s="546">
        <f>SUM(D25:D27)</f>
        <v>0</v>
      </c>
    </row>
    <row r="29" spans="1:5" ht="16.2" customHeight="1">
      <c r="C29" s="547" t="s">
        <v>861</v>
      </c>
      <c r="D29" s="548"/>
      <c r="E29" s="549"/>
    </row>
    <row r="31" spans="1:5" ht="19.95" customHeight="1" thickBot="1">
      <c r="C31" s="18" t="s">
        <v>817</v>
      </c>
    </row>
    <row r="32" spans="1:5" ht="72" customHeight="1" thickBot="1">
      <c r="C32" s="1432"/>
      <c r="D32" s="1433"/>
      <c r="E32" s="1434"/>
    </row>
  </sheetData>
  <mergeCells count="5">
    <mergeCell ref="A3:E3"/>
    <mergeCell ref="D5:E5"/>
    <mergeCell ref="B24:C24"/>
    <mergeCell ref="B28:C28"/>
    <mergeCell ref="C32:E32"/>
  </mergeCells>
  <phoneticPr fontId="7"/>
  <dataValidations count="2">
    <dataValidation operator="greaterThanOrEqual" allowBlank="1" showErrorMessage="1" sqref="E29 D28 E10:E21" xr:uid="{00000000-0002-0000-1500-000000000000}"/>
    <dataValidation allowBlank="1" showInputMessage="1" showErrorMessage="1" prompt="該当する契約件数を記入する。" sqref="D25:D27" xr:uid="{00000000-0002-0000-1500-000001000000}"/>
  </dataValidations>
  <hyperlinks>
    <hyperlink ref="C18" r:id="rId1" xr:uid="{00000000-0004-0000-1500-000000000000}"/>
    <hyperlink ref="C21" r:id="rId2" xr:uid="{00000000-0004-0000-1500-000001000000}"/>
  </hyperlinks>
  <printOptions horizontalCentered="1"/>
  <pageMargins left="0.70866141732283472" right="0.70866141732283472" top="0.94488188976377963" bottom="0.74803149606299213" header="0.31496062992125984" footer="0.31496062992125984"/>
  <pageSetup paperSize="9" scale="99" orientation="portrait" horizontalDpi="4294967293" r:id="rId3"/>
  <ignoredErrors>
    <ignoredError sqref="D28" unlockedFormula="1"/>
  </ignoredErrors>
  <drawing r:id="rId4"/>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8">
    <pageSetUpPr fitToPage="1"/>
  </sheetPr>
  <dimension ref="A1:J103"/>
  <sheetViews>
    <sheetView zoomScaleNormal="100" workbookViewId="0"/>
  </sheetViews>
  <sheetFormatPr defaultColWidth="8.88671875" defaultRowHeight="13.2"/>
  <cols>
    <col min="1" max="1" width="2.44140625" style="14" bestFit="1" customWidth="1"/>
    <col min="2" max="2" width="20.77734375" style="14" customWidth="1"/>
    <col min="3" max="3" width="12.77734375" style="14" customWidth="1"/>
    <col min="4" max="4" width="14.77734375" style="14" customWidth="1"/>
    <col min="5" max="5" width="4.77734375" style="14" customWidth="1"/>
    <col min="6" max="6" width="12.77734375" style="14" customWidth="1"/>
    <col min="7" max="7" width="4.77734375" style="14" customWidth="1"/>
    <col min="8" max="8" width="10.77734375" style="14" customWidth="1"/>
    <col min="9" max="9" width="4.77734375" style="14" customWidth="1"/>
    <col min="10" max="10" width="8.88671875" style="14" customWidth="1"/>
    <col min="11" max="16384" width="8.88671875" style="14"/>
  </cols>
  <sheetData>
    <row r="1" spans="1:10" s="21" customFormat="1" ht="20.100000000000001" customHeight="1">
      <c r="H1" s="1435" t="s">
        <v>818</v>
      </c>
      <c r="I1" s="1436"/>
    </row>
    <row r="2" spans="1:10" s="23" customFormat="1" ht="10.199999999999999" customHeight="1">
      <c r="A2" s="22"/>
      <c r="B2" s="22"/>
      <c r="C2" s="22"/>
      <c r="D2" s="22"/>
      <c r="E2" s="22"/>
      <c r="F2" s="22"/>
      <c r="G2" s="22"/>
      <c r="H2" s="22"/>
      <c r="I2" s="22"/>
      <c r="J2" s="22"/>
    </row>
    <row r="3" spans="1:10" s="23" customFormat="1" ht="19.2">
      <c r="A3" s="1406" t="s">
        <v>1247</v>
      </c>
      <c r="B3" s="1406"/>
      <c r="C3" s="1406"/>
      <c r="D3" s="1406"/>
      <c r="E3" s="1406"/>
      <c r="F3" s="1406"/>
      <c r="G3" s="1406"/>
      <c r="H3" s="1406"/>
      <c r="I3" s="1406"/>
      <c r="J3" s="22"/>
    </row>
    <row r="4" spans="1:10" s="23" customFormat="1" ht="10.199999999999999" customHeight="1">
      <c r="A4" s="22"/>
      <c r="B4" s="22"/>
      <c r="C4" s="22"/>
      <c r="D4" s="22"/>
      <c r="E4" s="22"/>
      <c r="F4" s="22"/>
      <c r="G4" s="22"/>
      <c r="H4" s="22"/>
      <c r="I4" s="22"/>
      <c r="J4" s="22"/>
    </row>
    <row r="5" spans="1:10">
      <c r="D5" s="550" t="s">
        <v>91</v>
      </c>
      <c r="E5" s="1385" t="str">
        <f>【調達機関情報】!D69</f>
        <v>　</v>
      </c>
      <c r="F5" s="1386"/>
      <c r="G5" s="1386"/>
      <c r="H5" s="1386"/>
      <c r="I5" s="1386"/>
    </row>
    <row r="6" spans="1:10" ht="13.8" thickBot="1"/>
    <row r="7" spans="1:10" ht="13.8" thickBot="1">
      <c r="A7" s="1387" t="s">
        <v>841</v>
      </c>
      <c r="B7" s="1437"/>
      <c r="C7" s="1437"/>
      <c r="D7" s="1437"/>
      <c r="E7" s="1437"/>
      <c r="F7" s="1437"/>
      <c r="G7" s="1438"/>
      <c r="H7" s="1418"/>
      <c r="I7" s="1420"/>
    </row>
    <row r="8" spans="1:10" s="21" customFormat="1" ht="13.8" thickBot="1"/>
    <row r="9" spans="1:10" ht="15" customHeight="1">
      <c r="A9" s="1439">
        <v>1</v>
      </c>
      <c r="B9" s="599" t="s">
        <v>882</v>
      </c>
      <c r="C9" s="1442"/>
      <c r="D9" s="1443"/>
      <c r="E9" s="1443"/>
      <c r="F9" s="1443"/>
      <c r="G9" s="1443"/>
      <c r="H9" s="1443"/>
      <c r="I9" s="1444"/>
    </row>
    <row r="10" spans="1:10" ht="15" customHeight="1">
      <c r="A10" s="1440"/>
      <c r="B10" s="600" t="s">
        <v>883</v>
      </c>
      <c r="C10" s="1445"/>
      <c r="D10" s="1446"/>
      <c r="E10" s="1446"/>
      <c r="F10" s="1446"/>
      <c r="G10" s="1446"/>
      <c r="H10" s="1446"/>
      <c r="I10" s="1447"/>
    </row>
    <row r="11" spans="1:10" ht="15" customHeight="1">
      <c r="A11" s="1440"/>
      <c r="B11" s="600" t="s">
        <v>881</v>
      </c>
      <c r="C11" s="1445"/>
      <c r="D11" s="1446"/>
      <c r="E11" s="1446"/>
      <c r="F11" s="1446"/>
      <c r="G11" s="1446"/>
      <c r="H11" s="1446"/>
      <c r="I11" s="1447"/>
    </row>
    <row r="12" spans="1:10" ht="15" customHeight="1">
      <c r="A12" s="1440"/>
      <c r="B12" s="1448" t="s">
        <v>884</v>
      </c>
      <c r="C12" s="597" t="s">
        <v>32</v>
      </c>
      <c r="D12" s="1446"/>
      <c r="E12" s="1446"/>
      <c r="F12" s="1446"/>
      <c r="G12" s="1446"/>
      <c r="H12" s="1446"/>
      <c r="I12" s="1447"/>
    </row>
    <row r="13" spans="1:10" ht="15" customHeight="1">
      <c r="A13" s="1440"/>
      <c r="B13" s="1449"/>
      <c r="C13" s="617" t="s">
        <v>17</v>
      </c>
      <c r="D13" s="615"/>
      <c r="E13" s="618" t="s">
        <v>787</v>
      </c>
      <c r="F13" s="619" t="s">
        <v>890</v>
      </c>
      <c r="G13" s="1450"/>
      <c r="H13" s="1450"/>
      <c r="I13" s="1451"/>
    </row>
    <row r="14" spans="1:10" ht="15" customHeight="1" thickBot="1">
      <c r="A14" s="1440"/>
      <c r="B14" s="1449"/>
      <c r="C14" s="619" t="s">
        <v>33</v>
      </c>
      <c r="D14" s="616"/>
      <c r="E14" s="620" t="s">
        <v>819</v>
      </c>
      <c r="F14" s="621" t="s">
        <v>34</v>
      </c>
      <c r="G14" s="1452"/>
      <c r="H14" s="1452"/>
      <c r="I14" s="622" t="s">
        <v>26</v>
      </c>
    </row>
    <row r="15" spans="1:10" ht="13.95" customHeight="1">
      <c r="A15" s="1440"/>
      <c r="B15" s="1453" t="s">
        <v>870</v>
      </c>
      <c r="C15" s="1456" t="s">
        <v>791</v>
      </c>
      <c r="D15" s="1457"/>
      <c r="E15" s="1458"/>
      <c r="F15" s="1467" t="s">
        <v>820</v>
      </c>
      <c r="G15" s="1467"/>
      <c r="H15" s="1468"/>
      <c r="I15" s="623"/>
    </row>
    <row r="16" spans="1:10" ht="13.95" customHeight="1">
      <c r="A16" s="1440"/>
      <c r="B16" s="1454"/>
      <c r="C16" s="1459"/>
      <c r="D16" s="1460"/>
      <c r="E16" s="1461"/>
      <c r="F16" s="1469" t="s">
        <v>893</v>
      </c>
      <c r="G16" s="1469"/>
      <c r="H16" s="1470"/>
      <c r="I16" s="552"/>
    </row>
    <row r="17" spans="1:9" ht="13.95" customHeight="1">
      <c r="A17" s="1440"/>
      <c r="B17" s="1454"/>
      <c r="C17" s="1459"/>
      <c r="D17" s="1460"/>
      <c r="E17" s="1461"/>
      <c r="F17" s="1469" t="s">
        <v>792</v>
      </c>
      <c r="G17" s="1469"/>
      <c r="H17" s="1470"/>
      <c r="I17" s="552"/>
    </row>
    <row r="18" spans="1:9" ht="13.95" customHeight="1">
      <c r="A18" s="1440"/>
      <c r="B18" s="1454"/>
      <c r="C18" s="1459"/>
      <c r="D18" s="1460"/>
      <c r="E18" s="1461"/>
      <c r="F18" s="1471" t="s">
        <v>821</v>
      </c>
      <c r="G18" s="1472"/>
      <c r="H18" s="1473"/>
      <c r="I18" s="552"/>
    </row>
    <row r="19" spans="1:9" ht="13.95" customHeight="1">
      <c r="A19" s="1440"/>
      <c r="B19" s="1454"/>
      <c r="C19" s="1459"/>
      <c r="D19" s="1460"/>
      <c r="E19" s="1461"/>
      <c r="F19" s="1471" t="s">
        <v>822</v>
      </c>
      <c r="G19" s="1472"/>
      <c r="H19" s="1473"/>
      <c r="I19" s="552"/>
    </row>
    <row r="20" spans="1:9" ht="13.95" customHeight="1">
      <c r="A20" s="1440"/>
      <c r="B20" s="1454"/>
      <c r="C20" s="1462"/>
      <c r="D20" s="1463"/>
      <c r="E20" s="1461"/>
      <c r="F20" s="1471" t="s">
        <v>823</v>
      </c>
      <c r="G20" s="1472"/>
      <c r="H20" s="1473"/>
      <c r="I20" s="552"/>
    </row>
    <row r="21" spans="1:9" ht="13.95" customHeight="1">
      <c r="A21" s="1440"/>
      <c r="B21" s="1454"/>
      <c r="C21" s="1462"/>
      <c r="D21" s="1463"/>
      <c r="E21" s="1461"/>
      <c r="F21" s="1471" t="s">
        <v>886</v>
      </c>
      <c r="G21" s="1481"/>
      <c r="H21" s="1482"/>
      <c r="I21" s="553"/>
    </row>
    <row r="22" spans="1:9" ht="13.95" customHeight="1">
      <c r="A22" s="1440"/>
      <c r="B22" s="1454"/>
      <c r="C22" s="1464"/>
      <c r="D22" s="1465"/>
      <c r="E22" s="1466"/>
      <c r="F22" s="624" t="s">
        <v>880</v>
      </c>
      <c r="G22" s="1483"/>
      <c r="H22" s="1484"/>
      <c r="I22" s="1485"/>
    </row>
    <row r="23" spans="1:9" ht="13.95" customHeight="1">
      <c r="A23" s="1440"/>
      <c r="B23" s="1454"/>
      <c r="C23" s="1501" t="s">
        <v>793</v>
      </c>
      <c r="D23" s="1486" t="s">
        <v>824</v>
      </c>
      <c r="E23" s="1487"/>
      <c r="F23" s="1488" t="s">
        <v>863</v>
      </c>
      <c r="G23" s="1489"/>
      <c r="H23" s="1490"/>
      <c r="I23" s="625"/>
    </row>
    <row r="24" spans="1:9" ht="13.95" customHeight="1">
      <c r="A24" s="1440"/>
      <c r="B24" s="1454"/>
      <c r="C24" s="1502"/>
      <c r="D24" s="1478"/>
      <c r="E24" s="1479"/>
      <c r="F24" s="1491" t="s">
        <v>864</v>
      </c>
      <c r="G24" s="1492"/>
      <c r="H24" s="1493"/>
      <c r="I24" s="554"/>
    </row>
    <row r="25" spans="1:9" ht="13.95" customHeight="1">
      <c r="A25" s="1440"/>
      <c r="B25" s="1454"/>
      <c r="C25" s="1502"/>
      <c r="D25" s="1478"/>
      <c r="E25" s="1479"/>
      <c r="F25" s="1471" t="s">
        <v>794</v>
      </c>
      <c r="G25" s="1472"/>
      <c r="H25" s="1473"/>
      <c r="I25" s="552"/>
    </row>
    <row r="26" spans="1:9" ht="13.95" customHeight="1">
      <c r="A26" s="1440"/>
      <c r="B26" s="1454"/>
      <c r="C26" s="1502"/>
      <c r="D26" s="1478"/>
      <c r="E26" s="1479"/>
      <c r="F26" s="1471" t="s">
        <v>865</v>
      </c>
      <c r="G26" s="1472"/>
      <c r="H26" s="1473"/>
      <c r="I26" s="552"/>
    </row>
    <row r="27" spans="1:9" ht="13.95" customHeight="1">
      <c r="A27" s="1440"/>
      <c r="B27" s="1454"/>
      <c r="C27" s="1502"/>
      <c r="D27" s="1480"/>
      <c r="E27" s="1477"/>
      <c r="F27" s="1471" t="s">
        <v>866</v>
      </c>
      <c r="G27" s="1472"/>
      <c r="H27" s="1473"/>
      <c r="I27" s="552"/>
    </row>
    <row r="28" spans="1:9" ht="13.95" customHeight="1">
      <c r="A28" s="1440"/>
      <c r="B28" s="1454"/>
      <c r="C28" s="1502"/>
      <c r="D28" s="1474" t="s">
        <v>796</v>
      </c>
      <c r="E28" s="1475"/>
      <c r="F28" s="1471" t="s">
        <v>795</v>
      </c>
      <c r="G28" s="1472"/>
      <c r="H28" s="1473"/>
      <c r="I28" s="552"/>
    </row>
    <row r="29" spans="1:9" ht="13.95" customHeight="1">
      <c r="A29" s="1440"/>
      <c r="B29" s="1454"/>
      <c r="C29" s="1502"/>
      <c r="D29" s="1476"/>
      <c r="E29" s="1477"/>
      <c r="F29" s="1471" t="s">
        <v>825</v>
      </c>
      <c r="G29" s="1472"/>
      <c r="H29" s="1473"/>
      <c r="I29" s="552"/>
    </row>
    <row r="30" spans="1:9" ht="13.95" customHeight="1">
      <c r="A30" s="1440"/>
      <c r="B30" s="1454"/>
      <c r="C30" s="1502"/>
      <c r="D30" s="1474" t="s">
        <v>826</v>
      </c>
      <c r="E30" s="1475"/>
      <c r="F30" s="1471" t="s">
        <v>867</v>
      </c>
      <c r="G30" s="1472"/>
      <c r="H30" s="1473"/>
      <c r="I30" s="552"/>
    </row>
    <row r="31" spans="1:9" ht="13.95" customHeight="1">
      <c r="A31" s="1440"/>
      <c r="B31" s="1454"/>
      <c r="C31" s="1502"/>
      <c r="D31" s="1478"/>
      <c r="E31" s="1479"/>
      <c r="F31" s="1471" t="s">
        <v>827</v>
      </c>
      <c r="G31" s="1472"/>
      <c r="H31" s="1473"/>
      <c r="I31" s="552"/>
    </row>
    <row r="32" spans="1:9" ht="13.95" customHeight="1">
      <c r="A32" s="1440"/>
      <c r="B32" s="1454"/>
      <c r="C32" s="1503"/>
      <c r="D32" s="1480"/>
      <c r="E32" s="1477"/>
      <c r="F32" s="1471" t="s">
        <v>797</v>
      </c>
      <c r="G32" s="1472"/>
      <c r="H32" s="1473"/>
      <c r="I32" s="552"/>
    </row>
    <row r="33" spans="1:10" ht="13.95" customHeight="1">
      <c r="A33" s="1440"/>
      <c r="B33" s="1454"/>
      <c r="C33" s="1503"/>
      <c r="D33" s="1474" t="s">
        <v>828</v>
      </c>
      <c r="E33" s="1475"/>
      <c r="F33" s="1471" t="s">
        <v>798</v>
      </c>
      <c r="G33" s="1472"/>
      <c r="H33" s="1473"/>
      <c r="I33" s="552"/>
    </row>
    <row r="34" spans="1:10" ht="13.95" customHeight="1">
      <c r="A34" s="1440"/>
      <c r="B34" s="1454"/>
      <c r="C34" s="1503"/>
      <c r="D34" s="1476"/>
      <c r="E34" s="1477"/>
      <c r="F34" s="1471" t="s">
        <v>829</v>
      </c>
      <c r="G34" s="1472"/>
      <c r="H34" s="1473"/>
      <c r="I34" s="552"/>
    </row>
    <row r="35" spans="1:10" ht="13.95" customHeight="1">
      <c r="A35" s="1440"/>
      <c r="B35" s="1454"/>
      <c r="C35" s="1504"/>
      <c r="D35" s="1478" t="s">
        <v>868</v>
      </c>
      <c r="E35" s="1479"/>
      <c r="F35" s="1471" t="s">
        <v>869</v>
      </c>
      <c r="G35" s="1481"/>
      <c r="H35" s="1482"/>
      <c r="I35" s="553"/>
    </row>
    <row r="36" spans="1:10" ht="13.95" customHeight="1">
      <c r="A36" s="1440"/>
      <c r="B36" s="1454"/>
      <c r="C36" s="1504"/>
      <c r="D36" s="1474" t="s">
        <v>830</v>
      </c>
      <c r="E36" s="1475"/>
      <c r="F36" s="1496" t="s">
        <v>887</v>
      </c>
      <c r="G36" s="1497"/>
      <c r="H36" s="1498"/>
      <c r="I36" s="553"/>
    </row>
    <row r="37" spans="1:10" ht="13.95" customHeight="1">
      <c r="A37" s="1440"/>
      <c r="B37" s="1454"/>
      <c r="C37" s="1505"/>
      <c r="D37" s="1499"/>
      <c r="E37" s="1500"/>
      <c r="F37" s="624" t="s">
        <v>880</v>
      </c>
      <c r="G37" s="1483"/>
      <c r="H37" s="1484"/>
      <c r="I37" s="1485"/>
    </row>
    <row r="38" spans="1:10" ht="13.95" customHeight="1">
      <c r="A38" s="1440"/>
      <c r="B38" s="1454"/>
      <c r="C38" s="1459" t="s">
        <v>831</v>
      </c>
      <c r="D38" s="1460"/>
      <c r="E38" s="1461"/>
      <c r="F38" s="1494" t="s">
        <v>832</v>
      </c>
      <c r="G38" s="1494"/>
      <c r="H38" s="1495"/>
      <c r="I38" s="554"/>
    </row>
    <row r="39" spans="1:10" ht="13.95" customHeight="1">
      <c r="A39" s="1440"/>
      <c r="B39" s="1454"/>
      <c r="C39" s="1459"/>
      <c r="D39" s="1460"/>
      <c r="E39" s="1461"/>
      <c r="F39" s="1469" t="s">
        <v>833</v>
      </c>
      <c r="G39" s="1469"/>
      <c r="H39" s="1470"/>
      <c r="I39" s="552"/>
    </row>
    <row r="40" spans="1:10" ht="13.95" customHeight="1">
      <c r="A40" s="1440"/>
      <c r="B40" s="1454"/>
      <c r="C40" s="1459"/>
      <c r="D40" s="1460"/>
      <c r="E40" s="1461"/>
      <c r="F40" s="1469" t="s">
        <v>834</v>
      </c>
      <c r="G40" s="1469"/>
      <c r="H40" s="1470"/>
      <c r="I40" s="552"/>
    </row>
    <row r="41" spans="1:10" ht="13.95" customHeight="1">
      <c r="A41" s="1440"/>
      <c r="B41" s="1454"/>
      <c r="C41" s="1459"/>
      <c r="D41" s="1460"/>
      <c r="E41" s="1461"/>
      <c r="F41" s="1496" t="s">
        <v>885</v>
      </c>
      <c r="G41" s="1497"/>
      <c r="H41" s="1498"/>
      <c r="I41" s="553"/>
    </row>
    <row r="42" spans="1:10" ht="13.95" customHeight="1">
      <c r="A42" s="1440"/>
      <c r="B42" s="1454"/>
      <c r="C42" s="1464"/>
      <c r="D42" s="1465"/>
      <c r="E42" s="1466"/>
      <c r="F42" s="624" t="s">
        <v>880</v>
      </c>
      <c r="G42" s="1483"/>
      <c r="H42" s="1484"/>
      <c r="I42" s="1485"/>
    </row>
    <row r="43" spans="1:10" ht="13.95" customHeight="1">
      <c r="A43" s="1440"/>
      <c r="B43" s="1454"/>
      <c r="C43" s="1506" t="s">
        <v>849</v>
      </c>
      <c r="D43" s="1507"/>
      <c r="E43" s="1508"/>
      <c r="F43" s="1494" t="s">
        <v>835</v>
      </c>
      <c r="G43" s="1494"/>
      <c r="H43" s="1495"/>
      <c r="I43" s="554"/>
    </row>
    <row r="44" spans="1:10" ht="13.95" customHeight="1">
      <c r="A44" s="1440"/>
      <c r="B44" s="1454"/>
      <c r="C44" s="1509"/>
      <c r="D44" s="1510"/>
      <c r="E44" s="1511"/>
      <c r="F44" s="1469" t="s">
        <v>836</v>
      </c>
      <c r="G44" s="1469"/>
      <c r="H44" s="1470"/>
      <c r="I44" s="552"/>
    </row>
    <row r="45" spans="1:10" ht="13.95" customHeight="1">
      <c r="A45" s="1440"/>
      <c r="B45" s="1454"/>
      <c r="C45" s="1512"/>
      <c r="D45" s="1513"/>
      <c r="E45" s="1511"/>
      <c r="F45" s="1517" t="s">
        <v>886</v>
      </c>
      <c r="G45" s="1518"/>
      <c r="H45" s="1498"/>
      <c r="I45" s="553"/>
    </row>
    <row r="46" spans="1:10" ht="13.95" customHeight="1" thickBot="1">
      <c r="A46" s="1440"/>
      <c r="B46" s="1455"/>
      <c r="C46" s="1514"/>
      <c r="D46" s="1515"/>
      <c r="E46" s="1516"/>
      <c r="F46" s="626" t="s">
        <v>880</v>
      </c>
      <c r="G46" s="1519"/>
      <c r="H46" s="1520"/>
      <c r="I46" s="1521"/>
      <c r="J46" s="608"/>
    </row>
    <row r="47" spans="1:10" ht="15" customHeight="1">
      <c r="A47" s="1440"/>
      <c r="B47" s="1454" t="s">
        <v>600</v>
      </c>
      <c r="C47" s="627" t="s">
        <v>788</v>
      </c>
      <c r="D47" s="1523"/>
      <c r="E47" s="1523"/>
      <c r="F47" s="628" t="s">
        <v>789</v>
      </c>
      <c r="G47" s="1524"/>
      <c r="H47" s="1525"/>
      <c r="I47" s="629" t="s">
        <v>790</v>
      </c>
    </row>
    <row r="48" spans="1:10" ht="27" customHeight="1">
      <c r="A48" s="1440"/>
      <c r="B48" s="1522"/>
      <c r="C48" s="630" t="s">
        <v>874</v>
      </c>
      <c r="D48" s="1526"/>
      <c r="E48" s="1526"/>
      <c r="F48" s="1527"/>
      <c r="G48" s="1527"/>
      <c r="H48" s="1526"/>
      <c r="I48" s="1528"/>
    </row>
    <row r="49" spans="1:9" ht="15" customHeight="1">
      <c r="A49" s="1440"/>
      <c r="B49" s="1529" t="s">
        <v>837</v>
      </c>
      <c r="C49" s="1530" t="s">
        <v>838</v>
      </c>
      <c r="D49" s="1531"/>
      <c r="E49" s="1532"/>
      <c r="F49" s="1533"/>
      <c r="G49" s="1533"/>
      <c r="H49" s="1533"/>
      <c r="I49" s="1534"/>
    </row>
    <row r="50" spans="1:9" ht="15" customHeight="1">
      <c r="A50" s="1440"/>
      <c r="B50" s="1522"/>
      <c r="C50" s="1535" t="s">
        <v>839</v>
      </c>
      <c r="D50" s="1536"/>
      <c r="E50" s="1537"/>
      <c r="F50" s="1538"/>
      <c r="G50" s="1539"/>
      <c r="H50" s="1539"/>
      <c r="I50" s="1540"/>
    </row>
    <row r="51" spans="1:9" ht="15" customHeight="1">
      <c r="A51" s="1440"/>
      <c r="B51" s="1541" t="s">
        <v>856</v>
      </c>
      <c r="C51" s="1530" t="s">
        <v>857</v>
      </c>
      <c r="D51" s="1531"/>
      <c r="E51" s="1532"/>
      <c r="F51" s="1543"/>
      <c r="G51" s="1543"/>
      <c r="H51" s="1543"/>
      <c r="I51" s="1544"/>
    </row>
    <row r="52" spans="1:9" ht="27" customHeight="1">
      <c r="A52" s="1440"/>
      <c r="B52" s="1542"/>
      <c r="C52" s="631" t="s">
        <v>858</v>
      </c>
      <c r="D52" s="1545"/>
      <c r="E52" s="1546"/>
      <c r="F52" s="1546"/>
      <c r="G52" s="1546"/>
      <c r="H52" s="1546"/>
      <c r="I52" s="1547"/>
    </row>
    <row r="53" spans="1:9" ht="15" customHeight="1" thickBot="1">
      <c r="A53" s="1441"/>
      <c r="B53" s="602" t="s">
        <v>916</v>
      </c>
      <c r="C53" s="1548" t="s">
        <v>859</v>
      </c>
      <c r="D53" s="1549"/>
      <c r="E53" s="1550"/>
      <c r="F53" s="1551"/>
      <c r="G53" s="1551"/>
      <c r="H53" s="1551"/>
      <c r="I53" s="1552"/>
    </row>
    <row r="54" spans="1:9" ht="15" customHeight="1">
      <c r="A54" s="1439">
        <v>2</v>
      </c>
      <c r="B54" s="599" t="s">
        <v>882</v>
      </c>
      <c r="C54" s="1442"/>
      <c r="D54" s="1443"/>
      <c r="E54" s="1443"/>
      <c r="F54" s="1443"/>
      <c r="G54" s="1443"/>
      <c r="H54" s="1443"/>
      <c r="I54" s="1444"/>
    </row>
    <row r="55" spans="1:9" ht="15" customHeight="1">
      <c r="A55" s="1440"/>
      <c r="B55" s="600" t="s">
        <v>883</v>
      </c>
      <c r="C55" s="1445"/>
      <c r="D55" s="1446"/>
      <c r="E55" s="1446"/>
      <c r="F55" s="1446"/>
      <c r="G55" s="1446"/>
      <c r="H55" s="1446"/>
      <c r="I55" s="1447"/>
    </row>
    <row r="56" spans="1:9" ht="15" customHeight="1">
      <c r="A56" s="1440"/>
      <c r="B56" s="600" t="s">
        <v>881</v>
      </c>
      <c r="C56" s="1445"/>
      <c r="D56" s="1446"/>
      <c r="E56" s="1446"/>
      <c r="F56" s="1446"/>
      <c r="G56" s="1446"/>
      <c r="H56" s="1446"/>
      <c r="I56" s="1447"/>
    </row>
    <row r="57" spans="1:9" ht="15" customHeight="1">
      <c r="A57" s="1440"/>
      <c r="B57" s="1448" t="s">
        <v>884</v>
      </c>
      <c r="C57" s="619" t="s">
        <v>32</v>
      </c>
      <c r="D57" s="1446"/>
      <c r="E57" s="1446"/>
      <c r="F57" s="1446"/>
      <c r="G57" s="1446"/>
      <c r="H57" s="1446"/>
      <c r="I57" s="1447"/>
    </row>
    <row r="58" spans="1:9" ht="15" customHeight="1">
      <c r="A58" s="1440"/>
      <c r="B58" s="1449"/>
      <c r="C58" s="617" t="s">
        <v>17</v>
      </c>
      <c r="D58" s="632"/>
      <c r="E58" s="618" t="s">
        <v>787</v>
      </c>
      <c r="F58" s="619" t="s">
        <v>890</v>
      </c>
      <c r="G58" s="1450"/>
      <c r="H58" s="1450"/>
      <c r="I58" s="1451"/>
    </row>
    <row r="59" spans="1:9" ht="15" customHeight="1" thickBot="1">
      <c r="A59" s="1440"/>
      <c r="B59" s="1449"/>
      <c r="C59" s="619" t="s">
        <v>33</v>
      </c>
      <c r="D59" s="616"/>
      <c r="E59" s="620" t="s">
        <v>819</v>
      </c>
      <c r="F59" s="621" t="s">
        <v>34</v>
      </c>
      <c r="G59" s="1452"/>
      <c r="H59" s="1452"/>
      <c r="I59" s="622" t="s">
        <v>26</v>
      </c>
    </row>
    <row r="60" spans="1:9" ht="13.95" customHeight="1">
      <c r="A60" s="1440"/>
      <c r="B60" s="1453" t="s">
        <v>870</v>
      </c>
      <c r="C60" s="1456" t="s">
        <v>791</v>
      </c>
      <c r="D60" s="1457"/>
      <c r="E60" s="1458"/>
      <c r="F60" s="1467" t="s">
        <v>820</v>
      </c>
      <c r="G60" s="1467"/>
      <c r="H60" s="1468"/>
      <c r="I60" s="623"/>
    </row>
    <row r="61" spans="1:9" ht="13.95" customHeight="1">
      <c r="A61" s="1440"/>
      <c r="B61" s="1454"/>
      <c r="C61" s="1459"/>
      <c r="D61" s="1460"/>
      <c r="E61" s="1461"/>
      <c r="F61" s="1469" t="s">
        <v>893</v>
      </c>
      <c r="G61" s="1469"/>
      <c r="H61" s="1470"/>
      <c r="I61" s="552"/>
    </row>
    <row r="62" spans="1:9" ht="13.95" customHeight="1">
      <c r="A62" s="1440"/>
      <c r="B62" s="1454"/>
      <c r="C62" s="1459"/>
      <c r="D62" s="1460"/>
      <c r="E62" s="1461"/>
      <c r="F62" s="1469" t="s">
        <v>792</v>
      </c>
      <c r="G62" s="1469"/>
      <c r="H62" s="1470"/>
      <c r="I62" s="552"/>
    </row>
    <row r="63" spans="1:9" ht="13.95" customHeight="1">
      <c r="A63" s="1440"/>
      <c r="B63" s="1454"/>
      <c r="C63" s="1459"/>
      <c r="D63" s="1460"/>
      <c r="E63" s="1461"/>
      <c r="F63" s="1471" t="s">
        <v>821</v>
      </c>
      <c r="G63" s="1472"/>
      <c r="H63" s="1473"/>
      <c r="I63" s="552"/>
    </row>
    <row r="64" spans="1:9" ht="13.95" customHeight="1">
      <c r="A64" s="1440"/>
      <c r="B64" s="1454"/>
      <c r="C64" s="1459"/>
      <c r="D64" s="1460"/>
      <c r="E64" s="1461"/>
      <c r="F64" s="1471" t="s">
        <v>822</v>
      </c>
      <c r="G64" s="1472"/>
      <c r="H64" s="1473"/>
      <c r="I64" s="552"/>
    </row>
    <row r="65" spans="1:9" ht="13.95" customHeight="1">
      <c r="A65" s="1440"/>
      <c r="B65" s="1454"/>
      <c r="C65" s="1462"/>
      <c r="D65" s="1463"/>
      <c r="E65" s="1461"/>
      <c r="F65" s="1471" t="s">
        <v>823</v>
      </c>
      <c r="G65" s="1472"/>
      <c r="H65" s="1473"/>
      <c r="I65" s="552"/>
    </row>
    <row r="66" spans="1:9" ht="13.95" customHeight="1">
      <c r="A66" s="1440"/>
      <c r="B66" s="1454"/>
      <c r="C66" s="1462"/>
      <c r="D66" s="1463"/>
      <c r="E66" s="1461"/>
      <c r="F66" s="1471" t="s">
        <v>886</v>
      </c>
      <c r="G66" s="1481"/>
      <c r="H66" s="1482"/>
      <c r="I66" s="553"/>
    </row>
    <row r="67" spans="1:9" ht="13.95" customHeight="1">
      <c r="A67" s="1440"/>
      <c r="B67" s="1454"/>
      <c r="C67" s="1464"/>
      <c r="D67" s="1465"/>
      <c r="E67" s="1466"/>
      <c r="F67" s="624" t="s">
        <v>880</v>
      </c>
      <c r="G67" s="1483"/>
      <c r="H67" s="1484"/>
      <c r="I67" s="1485"/>
    </row>
    <row r="68" spans="1:9" ht="13.95" customHeight="1">
      <c r="A68" s="1440"/>
      <c r="B68" s="1454"/>
      <c r="C68" s="1501" t="s">
        <v>793</v>
      </c>
      <c r="D68" s="1486" t="s">
        <v>824</v>
      </c>
      <c r="E68" s="1487"/>
      <c r="F68" s="1488" t="s">
        <v>863</v>
      </c>
      <c r="G68" s="1489"/>
      <c r="H68" s="1490"/>
      <c r="I68" s="625"/>
    </row>
    <row r="69" spans="1:9" ht="13.95" customHeight="1">
      <c r="A69" s="1440"/>
      <c r="B69" s="1454"/>
      <c r="C69" s="1502"/>
      <c r="D69" s="1478"/>
      <c r="E69" s="1479"/>
      <c r="F69" s="1491" t="s">
        <v>864</v>
      </c>
      <c r="G69" s="1492"/>
      <c r="H69" s="1493"/>
      <c r="I69" s="554"/>
    </row>
    <row r="70" spans="1:9" ht="13.95" customHeight="1">
      <c r="A70" s="1440"/>
      <c r="B70" s="1454"/>
      <c r="C70" s="1502"/>
      <c r="D70" s="1478"/>
      <c r="E70" s="1479"/>
      <c r="F70" s="1471" t="s">
        <v>794</v>
      </c>
      <c r="G70" s="1472"/>
      <c r="H70" s="1473"/>
      <c r="I70" s="552"/>
    </row>
    <row r="71" spans="1:9" ht="13.95" customHeight="1">
      <c r="A71" s="1440"/>
      <c r="B71" s="1454"/>
      <c r="C71" s="1502"/>
      <c r="D71" s="1478"/>
      <c r="E71" s="1479"/>
      <c r="F71" s="1471" t="s">
        <v>865</v>
      </c>
      <c r="G71" s="1472"/>
      <c r="H71" s="1473"/>
      <c r="I71" s="552"/>
    </row>
    <row r="72" spans="1:9" ht="13.95" customHeight="1">
      <c r="A72" s="1440"/>
      <c r="B72" s="1454"/>
      <c r="C72" s="1502"/>
      <c r="D72" s="1480"/>
      <c r="E72" s="1477"/>
      <c r="F72" s="1471" t="s">
        <v>866</v>
      </c>
      <c r="G72" s="1472"/>
      <c r="H72" s="1473"/>
      <c r="I72" s="552"/>
    </row>
    <row r="73" spans="1:9" ht="13.95" customHeight="1">
      <c r="A73" s="1440"/>
      <c r="B73" s="1454"/>
      <c r="C73" s="1502"/>
      <c r="D73" s="1474" t="s">
        <v>796</v>
      </c>
      <c r="E73" s="1475"/>
      <c r="F73" s="1471" t="s">
        <v>795</v>
      </c>
      <c r="G73" s="1472"/>
      <c r="H73" s="1473"/>
      <c r="I73" s="552"/>
    </row>
    <row r="74" spans="1:9" ht="13.95" customHeight="1">
      <c r="A74" s="1440"/>
      <c r="B74" s="1454"/>
      <c r="C74" s="1502"/>
      <c r="D74" s="1476"/>
      <c r="E74" s="1477"/>
      <c r="F74" s="1471" t="s">
        <v>825</v>
      </c>
      <c r="G74" s="1472"/>
      <c r="H74" s="1473"/>
      <c r="I74" s="552"/>
    </row>
    <row r="75" spans="1:9" ht="13.95" customHeight="1">
      <c r="A75" s="1440"/>
      <c r="B75" s="1454"/>
      <c r="C75" s="1502"/>
      <c r="D75" s="1474" t="s">
        <v>826</v>
      </c>
      <c r="E75" s="1475"/>
      <c r="F75" s="1471" t="s">
        <v>867</v>
      </c>
      <c r="G75" s="1472"/>
      <c r="H75" s="1473"/>
      <c r="I75" s="552"/>
    </row>
    <row r="76" spans="1:9" ht="13.95" customHeight="1">
      <c r="A76" s="1440"/>
      <c r="B76" s="1454"/>
      <c r="C76" s="1502"/>
      <c r="D76" s="1478"/>
      <c r="E76" s="1479"/>
      <c r="F76" s="1471" t="s">
        <v>827</v>
      </c>
      <c r="G76" s="1472"/>
      <c r="H76" s="1473"/>
      <c r="I76" s="552"/>
    </row>
    <row r="77" spans="1:9" ht="13.95" customHeight="1">
      <c r="A77" s="1440"/>
      <c r="B77" s="1454"/>
      <c r="C77" s="1503"/>
      <c r="D77" s="1480"/>
      <c r="E77" s="1477"/>
      <c r="F77" s="1471" t="s">
        <v>797</v>
      </c>
      <c r="G77" s="1472"/>
      <c r="H77" s="1473"/>
      <c r="I77" s="552"/>
    </row>
    <row r="78" spans="1:9" ht="13.95" customHeight="1">
      <c r="A78" s="1440"/>
      <c r="B78" s="1454"/>
      <c r="C78" s="1503"/>
      <c r="D78" s="1474" t="s">
        <v>828</v>
      </c>
      <c r="E78" s="1475"/>
      <c r="F78" s="1471" t="s">
        <v>798</v>
      </c>
      <c r="G78" s="1472"/>
      <c r="H78" s="1473"/>
      <c r="I78" s="552"/>
    </row>
    <row r="79" spans="1:9" ht="13.95" customHeight="1">
      <c r="A79" s="1440"/>
      <c r="B79" s="1454"/>
      <c r="C79" s="1503"/>
      <c r="D79" s="1476"/>
      <c r="E79" s="1477"/>
      <c r="F79" s="1471" t="s">
        <v>829</v>
      </c>
      <c r="G79" s="1472"/>
      <c r="H79" s="1473"/>
      <c r="I79" s="552"/>
    </row>
    <row r="80" spans="1:9" ht="13.95" customHeight="1">
      <c r="A80" s="1440"/>
      <c r="B80" s="1454"/>
      <c r="C80" s="1504"/>
      <c r="D80" s="1478" t="s">
        <v>868</v>
      </c>
      <c r="E80" s="1479"/>
      <c r="F80" s="1471" t="s">
        <v>869</v>
      </c>
      <c r="G80" s="1481"/>
      <c r="H80" s="1482"/>
      <c r="I80" s="553"/>
    </row>
    <row r="81" spans="1:9" ht="13.95" customHeight="1">
      <c r="A81" s="1440"/>
      <c r="B81" s="1454"/>
      <c r="C81" s="1504"/>
      <c r="D81" s="1474" t="s">
        <v>830</v>
      </c>
      <c r="E81" s="1475"/>
      <c r="F81" s="1496" t="s">
        <v>887</v>
      </c>
      <c r="G81" s="1497"/>
      <c r="H81" s="1498"/>
      <c r="I81" s="553"/>
    </row>
    <row r="82" spans="1:9" ht="13.95" customHeight="1">
      <c r="A82" s="1440"/>
      <c r="B82" s="1454"/>
      <c r="C82" s="1505"/>
      <c r="D82" s="1499"/>
      <c r="E82" s="1500"/>
      <c r="F82" s="624" t="s">
        <v>880</v>
      </c>
      <c r="G82" s="1483"/>
      <c r="H82" s="1484"/>
      <c r="I82" s="1485"/>
    </row>
    <row r="83" spans="1:9" ht="13.95" customHeight="1">
      <c r="A83" s="1440"/>
      <c r="B83" s="1454"/>
      <c r="C83" s="1459" t="s">
        <v>831</v>
      </c>
      <c r="D83" s="1460"/>
      <c r="E83" s="1461"/>
      <c r="F83" s="1494" t="s">
        <v>832</v>
      </c>
      <c r="G83" s="1494"/>
      <c r="H83" s="1495"/>
      <c r="I83" s="554"/>
    </row>
    <row r="84" spans="1:9" ht="13.95" customHeight="1">
      <c r="A84" s="1440"/>
      <c r="B84" s="1454"/>
      <c r="C84" s="1459"/>
      <c r="D84" s="1460"/>
      <c r="E84" s="1461"/>
      <c r="F84" s="1469" t="s">
        <v>833</v>
      </c>
      <c r="G84" s="1469"/>
      <c r="H84" s="1470"/>
      <c r="I84" s="552"/>
    </row>
    <row r="85" spans="1:9" ht="13.95" customHeight="1">
      <c r="A85" s="1440"/>
      <c r="B85" s="1454"/>
      <c r="C85" s="1459"/>
      <c r="D85" s="1460"/>
      <c r="E85" s="1461"/>
      <c r="F85" s="1469" t="s">
        <v>834</v>
      </c>
      <c r="G85" s="1469"/>
      <c r="H85" s="1470"/>
      <c r="I85" s="552"/>
    </row>
    <row r="86" spans="1:9" ht="13.95" customHeight="1">
      <c r="A86" s="1440"/>
      <c r="B86" s="1454"/>
      <c r="C86" s="1459"/>
      <c r="D86" s="1460"/>
      <c r="E86" s="1461"/>
      <c r="F86" s="1496" t="s">
        <v>885</v>
      </c>
      <c r="G86" s="1497"/>
      <c r="H86" s="1498"/>
      <c r="I86" s="553"/>
    </row>
    <row r="87" spans="1:9" ht="13.95" customHeight="1">
      <c r="A87" s="1440"/>
      <c r="B87" s="1454"/>
      <c r="C87" s="1464"/>
      <c r="D87" s="1465"/>
      <c r="E87" s="1466"/>
      <c r="F87" s="624" t="s">
        <v>880</v>
      </c>
      <c r="G87" s="1483"/>
      <c r="H87" s="1484"/>
      <c r="I87" s="1485"/>
    </row>
    <row r="88" spans="1:9" ht="13.95" customHeight="1">
      <c r="A88" s="1440"/>
      <c r="B88" s="1553"/>
      <c r="C88" s="1506" t="s">
        <v>849</v>
      </c>
      <c r="D88" s="1507"/>
      <c r="E88" s="1508"/>
      <c r="F88" s="1494" t="s">
        <v>835</v>
      </c>
      <c r="G88" s="1494"/>
      <c r="H88" s="1495"/>
      <c r="I88" s="554"/>
    </row>
    <row r="89" spans="1:9" ht="13.95" customHeight="1">
      <c r="A89" s="1440"/>
      <c r="B89" s="1553"/>
      <c r="C89" s="1509"/>
      <c r="D89" s="1510"/>
      <c r="E89" s="1511"/>
      <c r="F89" s="1469" t="s">
        <v>836</v>
      </c>
      <c r="G89" s="1469"/>
      <c r="H89" s="1470"/>
      <c r="I89" s="552"/>
    </row>
    <row r="90" spans="1:9" ht="13.95" customHeight="1">
      <c r="A90" s="1440"/>
      <c r="B90" s="1553"/>
      <c r="C90" s="1512"/>
      <c r="D90" s="1513"/>
      <c r="E90" s="1511"/>
      <c r="F90" s="1517" t="s">
        <v>886</v>
      </c>
      <c r="G90" s="1518"/>
      <c r="H90" s="1498"/>
      <c r="I90" s="553"/>
    </row>
    <row r="91" spans="1:9" ht="13.95" customHeight="1" thickBot="1">
      <c r="A91" s="1440"/>
      <c r="B91" s="1059"/>
      <c r="C91" s="1514"/>
      <c r="D91" s="1515"/>
      <c r="E91" s="1516"/>
      <c r="F91" s="626" t="s">
        <v>880</v>
      </c>
      <c r="G91" s="1519"/>
      <c r="H91" s="1520"/>
      <c r="I91" s="1521"/>
    </row>
    <row r="92" spans="1:9" ht="15" customHeight="1">
      <c r="A92" s="1440"/>
      <c r="B92" s="1454" t="s">
        <v>600</v>
      </c>
      <c r="C92" s="627" t="s">
        <v>788</v>
      </c>
      <c r="D92" s="1523"/>
      <c r="E92" s="1523"/>
      <c r="F92" s="628" t="s">
        <v>789</v>
      </c>
      <c r="G92" s="1524"/>
      <c r="H92" s="1525"/>
      <c r="I92" s="629" t="s">
        <v>790</v>
      </c>
    </row>
    <row r="93" spans="1:9" ht="27" customHeight="1">
      <c r="A93" s="1440"/>
      <c r="B93" s="1522"/>
      <c r="C93" s="630" t="s">
        <v>874</v>
      </c>
      <c r="D93" s="1526"/>
      <c r="E93" s="1526"/>
      <c r="F93" s="1527"/>
      <c r="G93" s="1527"/>
      <c r="H93" s="1526"/>
      <c r="I93" s="1528"/>
    </row>
    <row r="94" spans="1:9" ht="15" customHeight="1">
      <c r="A94" s="1440"/>
      <c r="B94" s="1529" t="s">
        <v>837</v>
      </c>
      <c r="C94" s="1530" t="s">
        <v>838</v>
      </c>
      <c r="D94" s="1531"/>
      <c r="E94" s="1532"/>
      <c r="F94" s="1533"/>
      <c r="G94" s="1533"/>
      <c r="H94" s="1533"/>
      <c r="I94" s="1534"/>
    </row>
    <row r="95" spans="1:9" ht="15" customHeight="1">
      <c r="A95" s="1440"/>
      <c r="B95" s="1522"/>
      <c r="C95" s="1535" t="s">
        <v>839</v>
      </c>
      <c r="D95" s="1536"/>
      <c r="E95" s="1537"/>
      <c r="F95" s="1538"/>
      <c r="G95" s="1539"/>
      <c r="H95" s="1539"/>
      <c r="I95" s="1540"/>
    </row>
    <row r="96" spans="1:9" ht="15" customHeight="1">
      <c r="A96" s="1440"/>
      <c r="B96" s="1541" t="s">
        <v>856</v>
      </c>
      <c r="C96" s="1530" t="s">
        <v>857</v>
      </c>
      <c r="D96" s="1531"/>
      <c r="E96" s="1532"/>
      <c r="F96" s="1543"/>
      <c r="G96" s="1543"/>
      <c r="H96" s="1543"/>
      <c r="I96" s="1544"/>
    </row>
    <row r="97" spans="1:9" ht="27" customHeight="1">
      <c r="A97" s="1440"/>
      <c r="B97" s="1542"/>
      <c r="C97" s="631" t="s">
        <v>858</v>
      </c>
      <c r="D97" s="1545"/>
      <c r="E97" s="1546"/>
      <c r="F97" s="1546"/>
      <c r="G97" s="1546"/>
      <c r="H97" s="1546"/>
      <c r="I97" s="1547"/>
    </row>
    <row r="98" spans="1:9" ht="15" customHeight="1" thickBot="1">
      <c r="A98" s="1441"/>
      <c r="B98" s="602" t="s">
        <v>916</v>
      </c>
      <c r="C98" s="1548" t="s">
        <v>859</v>
      </c>
      <c r="D98" s="1549"/>
      <c r="E98" s="1550"/>
      <c r="F98" s="1551"/>
      <c r="G98" s="1551"/>
      <c r="H98" s="1551"/>
      <c r="I98" s="1552"/>
    </row>
    <row r="99" spans="1:9">
      <c r="B99" s="555" t="s">
        <v>919</v>
      </c>
    </row>
    <row r="103" spans="1:9">
      <c r="H103" s="591"/>
    </row>
  </sheetData>
  <mergeCells count="137">
    <mergeCell ref="B96:B97"/>
    <mergeCell ref="C96:E96"/>
    <mergeCell ref="F96:I96"/>
    <mergeCell ref="D97:I97"/>
    <mergeCell ref="C98:E98"/>
    <mergeCell ref="F98:I98"/>
    <mergeCell ref="B92:B93"/>
    <mergeCell ref="D92:E92"/>
    <mergeCell ref="G92:H92"/>
    <mergeCell ref="D93:I93"/>
    <mergeCell ref="B94:B95"/>
    <mergeCell ref="C94:E94"/>
    <mergeCell ref="F94:I94"/>
    <mergeCell ref="C95:E95"/>
    <mergeCell ref="F95:I95"/>
    <mergeCell ref="G87:I87"/>
    <mergeCell ref="C88:E91"/>
    <mergeCell ref="F88:H88"/>
    <mergeCell ref="F89:H89"/>
    <mergeCell ref="F90:H90"/>
    <mergeCell ref="G91:I91"/>
    <mergeCell ref="D80:E80"/>
    <mergeCell ref="F80:H80"/>
    <mergeCell ref="D81:E82"/>
    <mergeCell ref="F81:H81"/>
    <mergeCell ref="G82:I82"/>
    <mergeCell ref="C83:E87"/>
    <mergeCell ref="F83:H83"/>
    <mergeCell ref="F84:H84"/>
    <mergeCell ref="F85:H85"/>
    <mergeCell ref="F86:H86"/>
    <mergeCell ref="D78:E79"/>
    <mergeCell ref="F78:H78"/>
    <mergeCell ref="F79:H79"/>
    <mergeCell ref="C68:C82"/>
    <mergeCell ref="D68:E72"/>
    <mergeCell ref="F68:H68"/>
    <mergeCell ref="F69:H69"/>
    <mergeCell ref="F70:H70"/>
    <mergeCell ref="F71:H71"/>
    <mergeCell ref="F72:H72"/>
    <mergeCell ref="D73:E74"/>
    <mergeCell ref="F73:H73"/>
    <mergeCell ref="F74:H74"/>
    <mergeCell ref="C53:E53"/>
    <mergeCell ref="F53:I53"/>
    <mergeCell ref="A54:A98"/>
    <mergeCell ref="C54:I54"/>
    <mergeCell ref="C55:I55"/>
    <mergeCell ref="C56:I56"/>
    <mergeCell ref="B57:B59"/>
    <mergeCell ref="D57:I57"/>
    <mergeCell ref="G58:I58"/>
    <mergeCell ref="G59:H59"/>
    <mergeCell ref="B60:B91"/>
    <mergeCell ref="C60:E67"/>
    <mergeCell ref="F60:H60"/>
    <mergeCell ref="F61:H61"/>
    <mergeCell ref="F62:H62"/>
    <mergeCell ref="F63:H63"/>
    <mergeCell ref="F64:H64"/>
    <mergeCell ref="F65:H65"/>
    <mergeCell ref="F66:H66"/>
    <mergeCell ref="G67:I67"/>
    <mergeCell ref="D75:E77"/>
    <mergeCell ref="F75:H75"/>
    <mergeCell ref="F76:H76"/>
    <mergeCell ref="F77:H77"/>
    <mergeCell ref="B49:B50"/>
    <mergeCell ref="C49:E49"/>
    <mergeCell ref="F49:I49"/>
    <mergeCell ref="C50:E50"/>
    <mergeCell ref="F50:I50"/>
    <mergeCell ref="B51:B52"/>
    <mergeCell ref="C51:E51"/>
    <mergeCell ref="F51:I51"/>
    <mergeCell ref="D52:I52"/>
    <mergeCell ref="C43:E46"/>
    <mergeCell ref="F43:H43"/>
    <mergeCell ref="F44:H44"/>
    <mergeCell ref="F45:H45"/>
    <mergeCell ref="G46:I46"/>
    <mergeCell ref="B47:B48"/>
    <mergeCell ref="D47:E47"/>
    <mergeCell ref="G47:H47"/>
    <mergeCell ref="D48:I48"/>
    <mergeCell ref="C38:E42"/>
    <mergeCell ref="F38:H38"/>
    <mergeCell ref="F39:H39"/>
    <mergeCell ref="F40:H40"/>
    <mergeCell ref="F41:H41"/>
    <mergeCell ref="G42:I42"/>
    <mergeCell ref="D33:E34"/>
    <mergeCell ref="F33:H33"/>
    <mergeCell ref="F34:H34"/>
    <mergeCell ref="D35:E35"/>
    <mergeCell ref="F35:H35"/>
    <mergeCell ref="D36:E37"/>
    <mergeCell ref="F36:H36"/>
    <mergeCell ref="G37:I37"/>
    <mergeCell ref="C23:C37"/>
    <mergeCell ref="F30:H30"/>
    <mergeCell ref="F31:H31"/>
    <mergeCell ref="F32:H32"/>
    <mergeCell ref="F20:H20"/>
    <mergeCell ref="F21:H21"/>
    <mergeCell ref="G22:I22"/>
    <mergeCell ref="D23:E27"/>
    <mergeCell ref="F23:H23"/>
    <mergeCell ref="F24:H24"/>
    <mergeCell ref="F25:H25"/>
    <mergeCell ref="F26:H26"/>
    <mergeCell ref="F27:H27"/>
    <mergeCell ref="H1:I1"/>
    <mergeCell ref="A3:I3"/>
    <mergeCell ref="E5:I5"/>
    <mergeCell ref="A7:G7"/>
    <mergeCell ref="H7:I7"/>
    <mergeCell ref="A9:A53"/>
    <mergeCell ref="C9:I9"/>
    <mergeCell ref="C10:I10"/>
    <mergeCell ref="C11:I11"/>
    <mergeCell ref="B12:B14"/>
    <mergeCell ref="D12:I12"/>
    <mergeCell ref="G13:I13"/>
    <mergeCell ref="G14:H14"/>
    <mergeCell ref="B15:B46"/>
    <mergeCell ref="C15:E22"/>
    <mergeCell ref="F15:H15"/>
    <mergeCell ref="F16:H16"/>
    <mergeCell ref="F17:H17"/>
    <mergeCell ref="F18:H18"/>
    <mergeCell ref="F19:H19"/>
    <mergeCell ref="D28:E29"/>
    <mergeCell ref="F28:H28"/>
    <mergeCell ref="F29:H29"/>
    <mergeCell ref="D30:E32"/>
  </mergeCells>
  <phoneticPr fontId="7"/>
  <dataValidations count="16">
    <dataValidation type="list" allowBlank="1" showInputMessage="1" showErrorMessage="1" prompt="主な建物用途を１つ選択" sqref="G13:I13 G58:I58" xr:uid="{00000000-0002-0000-1600-000000000000}">
      <formula1>"一般事務庁舎,合同庁舎,宿泊施設,試験研究施設,病院,大学・高専,その他"</formula1>
    </dataValidation>
    <dataValidation allowBlank="1" showInputMessage="1" showErrorMessage="1" prompt="その他の技術等を選択した場合はその他の省エネに資する技術等を具体的に記入" sqref="G46:I46 G91:I91" xr:uid="{00000000-0002-0000-1600-000001000000}"/>
    <dataValidation allowBlank="1" showInputMessage="1" showErrorMessage="1" prompt="その他の技術等を選択した場合は上記以外の省エネ技術（アクティブ技術）等を具体的に記入" sqref="G37:I37 G82:I82" xr:uid="{00000000-0002-0000-1600-000002000000}"/>
    <dataValidation allowBlank="1" showInputMessage="1" showErrorMessage="1" prompt="その他の技術等を選択した場合は上記以外の省エネ技術（パッシブ技術）等を具体的に記入" sqref="G22:I22 G67:I67" xr:uid="{00000000-0002-0000-1600-000003000000}"/>
    <dataValidation type="list" allowBlank="1" showInputMessage="1" showErrorMessage="1" sqref="F51:I51 F96:I96" xr:uid="{00000000-0002-0000-1600-000004000000}">
      <formula1>"①改修事業の立案に当たり活用,②今回の改修事業では活用していない,③次回以降の改修事業で活用予定,④データを計測していない"</formula1>
    </dataValidation>
    <dataValidation type="list" allowBlank="1" showInputMessage="1" showErrorMessage="1" sqref="F53:I53 F98:I98" xr:uid="{00000000-0002-0000-1600-000005000000}">
      <formula1>"①既に改修事業以前から導入済み,②今回の改修事業で導入,③今回の改修事業で機能を更新,④導入していない"</formula1>
    </dataValidation>
    <dataValidation type="list" allowBlank="1" showInputMessage="1" showErrorMessage="1" sqref="D47:E47 D92:E92" xr:uid="{00000000-0002-0000-1600-000006000000}">
      <formula1>"プロポーザル方式,総合評価落札方式,最低価格落札方式,随意契約,その他"</formula1>
    </dataValidation>
    <dataValidation type="list" allowBlank="1" showInputMessage="1" showErrorMessage="1" sqref="H7:I7" xr:uid="{00000000-0002-0000-1600-000007000000}">
      <formula1>"実績なし"</formula1>
    </dataValidation>
    <dataValidation type="list" allowBlank="1" showInputMessage="1" showErrorMessage="1" sqref="F49:I49 F94:I94" xr:uid="{00000000-0002-0000-1600-000008000000}">
      <formula1>"①既に達成済み,②今回の改修事業によって達成,③将来的に達成予定,④達成困難,⑤取組・計画は未実施,⑥その他"</formula1>
    </dataValidation>
    <dataValidation type="list" allowBlank="1" showInputMessage="1" showErrorMessage="1" sqref="F50:I50 F95:I95" xr:uid="{00000000-0002-0000-1600-000009000000}">
      <formula1>"『ZEB』（ゼブ）,Nearly ZEB（ニアリーゼブ）,ZEB Ready（ゼブレディ）,ZEB Oriented（ゼブオリエンテッド）"</formula1>
    </dataValidation>
    <dataValidation type="list" allowBlank="1" showInputMessage="1" showErrorMessage="1" sqref="I43:I45 I15:I21 I23:I36 I38:I41 I88:I90 I60:I66 I68:I81 I83:I86" xr:uid="{00000000-0002-0000-1600-00000A000000}">
      <formula1>"○"</formula1>
    </dataValidation>
    <dataValidation allowBlank="1" showInputMessage="1" showErrorMessage="1" promptTitle="複数の施設の改修設計を一括して契約した場合" prompt="契約対象の施設数分詳細入力用の様式（9行目から53行目まで）をコピーして行の下に追加_x000a_例えば契約対象施設が5施設ある場合は、各施設ごとに１～４の施設に関する情報と当該施設における技術・設備等や契約情報等の詳細を記入" sqref="C11:I11 C56:I56" xr:uid="{00000000-0002-0000-1600-00000B000000}"/>
    <dataValidation allowBlank="1" showInputMessage="1" showErrorMessage="1" promptTitle="事業主" prompt="記入例：○○省○○局" sqref="C9:I9 C54:I54" xr:uid="{00000000-0002-0000-1600-00000C000000}"/>
    <dataValidation allowBlank="1" showInputMessage="1" showErrorMessage="1" prompt="対象施設の所在地を記入" sqref="D12:I12 D57:I57" xr:uid="{00000000-0002-0000-1600-00000D000000}"/>
    <dataValidation allowBlank="1" showInputMessage="1" showErrorMessage="1" prompt="その他の再エネを選択した場合は具体的に記入_x000a_記入例：バイオマス発電、地中熱利用など" sqref="G42:I42 G87:I87" xr:uid="{00000000-0002-0000-1600-00000E000000}"/>
    <dataValidation allowBlank="1" showInputMessage="1" showErrorMessage="1" promptTitle="注）" prompt="駐車場やグラウンドの面積は「延床面積」には含まれません。" sqref="D13" xr:uid="{09B9804E-457E-44FD-AA51-58EBCD1E39A7}"/>
  </dataValidations>
  <printOptions horizontalCentered="1"/>
  <pageMargins left="0.59055118110236227" right="0.59055118110236227" top="0.47244094488188981" bottom="0.35433070866141736" header="0.31496062992125984" footer="0.31496062992125984"/>
  <pageSetup paperSize="9" fitToHeight="0" orientation="portrait" horizontalDpi="4294967293"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9">
    <tabColor theme="8" tint="0.59999389629810485"/>
    <pageSetUpPr fitToPage="1"/>
  </sheetPr>
  <dimension ref="A1:K103"/>
  <sheetViews>
    <sheetView zoomScaleNormal="100" workbookViewId="0"/>
  </sheetViews>
  <sheetFormatPr defaultColWidth="8.88671875" defaultRowHeight="13.2"/>
  <cols>
    <col min="1" max="1" width="2.44140625" style="14" bestFit="1" customWidth="1"/>
    <col min="2" max="2" width="20.77734375" style="14" customWidth="1"/>
    <col min="3" max="3" width="12.77734375" style="14" customWidth="1"/>
    <col min="4" max="4" width="14.77734375" style="14" customWidth="1"/>
    <col min="5" max="5" width="4.77734375" style="14" customWidth="1"/>
    <col min="6" max="6" width="12.77734375" style="14" customWidth="1"/>
    <col min="7" max="7" width="4.77734375" style="14" customWidth="1"/>
    <col min="8" max="8" width="10.77734375" style="14" customWidth="1"/>
    <col min="9" max="9" width="4.77734375" style="14" customWidth="1"/>
    <col min="10" max="11" width="8.88671875" style="14" customWidth="1"/>
    <col min="12" max="16384" width="8.88671875" style="14"/>
  </cols>
  <sheetData>
    <row r="1" spans="1:11" s="21" customFormat="1" ht="20.100000000000001" customHeight="1">
      <c r="H1" s="1435" t="s">
        <v>818</v>
      </c>
      <c r="I1" s="1436"/>
    </row>
    <row r="2" spans="1:11" s="23" customFormat="1" ht="10.199999999999999" customHeight="1">
      <c r="A2" s="22"/>
      <c r="B2" s="22"/>
      <c r="C2" s="22"/>
      <c r="D2" s="22"/>
      <c r="E2" s="22"/>
      <c r="F2" s="22"/>
      <c r="G2" s="22"/>
      <c r="H2" s="22"/>
      <c r="I2" s="22"/>
      <c r="J2" s="22"/>
      <c r="K2" s="22"/>
    </row>
    <row r="3" spans="1:11" s="23" customFormat="1" ht="19.2">
      <c r="A3" s="1406" t="s">
        <v>1247</v>
      </c>
      <c r="B3" s="1406"/>
      <c r="C3" s="1406"/>
      <c r="D3" s="1406"/>
      <c r="E3" s="1406"/>
      <c r="F3" s="1406"/>
      <c r="G3" s="1406"/>
      <c r="H3" s="1406"/>
      <c r="I3" s="1406"/>
      <c r="J3" s="22"/>
      <c r="K3" s="22"/>
    </row>
    <row r="4" spans="1:11" s="23" customFormat="1" ht="10.199999999999999" customHeight="1">
      <c r="A4" s="22"/>
      <c r="B4" s="22"/>
      <c r="C4" s="22"/>
      <c r="D4" s="22"/>
      <c r="E4" s="22"/>
      <c r="F4" s="22"/>
      <c r="G4" s="22"/>
      <c r="H4" s="22"/>
      <c r="I4" s="22"/>
      <c r="J4" s="22"/>
      <c r="K4" s="22"/>
    </row>
    <row r="5" spans="1:11">
      <c r="D5" s="550" t="s">
        <v>91</v>
      </c>
      <c r="E5" s="1385" t="str">
        <f>【調達機関情報】!D69</f>
        <v>　</v>
      </c>
      <c r="F5" s="1386"/>
      <c r="G5" s="1386"/>
      <c r="H5" s="1386"/>
      <c r="I5" s="1386"/>
    </row>
    <row r="6" spans="1:11" ht="13.8" thickBot="1"/>
    <row r="7" spans="1:11" ht="13.8" thickBot="1">
      <c r="A7" s="1387" t="s">
        <v>841</v>
      </c>
      <c r="B7" s="1437"/>
      <c r="C7" s="1437"/>
      <c r="D7" s="1437"/>
      <c r="E7" s="1437"/>
      <c r="F7" s="1437"/>
      <c r="G7" s="1438"/>
      <c r="H7" s="1418"/>
      <c r="I7" s="1420"/>
    </row>
    <row r="8" spans="1:11" s="21" customFormat="1" ht="13.8" thickBot="1"/>
    <row r="9" spans="1:11" ht="15" customHeight="1">
      <c r="A9" s="1439">
        <v>1</v>
      </c>
      <c r="B9" s="599" t="s">
        <v>882</v>
      </c>
      <c r="C9" s="1554" t="s">
        <v>892</v>
      </c>
      <c r="D9" s="1555"/>
      <c r="E9" s="1555"/>
      <c r="F9" s="1555"/>
      <c r="G9" s="1555"/>
      <c r="H9" s="1555"/>
      <c r="I9" s="1556"/>
      <c r="J9" s="609"/>
    </row>
    <row r="10" spans="1:11" ht="15" customHeight="1">
      <c r="A10" s="1440"/>
      <c r="B10" s="600" t="s">
        <v>883</v>
      </c>
      <c r="C10" s="1557" t="s">
        <v>904</v>
      </c>
      <c r="D10" s="1558"/>
      <c r="E10" s="1558"/>
      <c r="F10" s="1558"/>
      <c r="G10" s="1558"/>
      <c r="H10" s="1558"/>
      <c r="I10" s="1559"/>
      <c r="J10" s="609"/>
    </row>
    <row r="11" spans="1:11" ht="15" customHeight="1">
      <c r="A11" s="1440"/>
      <c r="B11" s="600" t="s">
        <v>881</v>
      </c>
      <c r="C11" s="1557" t="s">
        <v>894</v>
      </c>
      <c r="D11" s="1558"/>
      <c r="E11" s="1558"/>
      <c r="F11" s="1558"/>
      <c r="G11" s="1558"/>
      <c r="H11" s="1558"/>
      <c r="I11" s="1559"/>
      <c r="J11" s="609"/>
    </row>
    <row r="12" spans="1:11" ht="15" customHeight="1">
      <c r="A12" s="1440"/>
      <c r="B12" s="1448" t="s">
        <v>884</v>
      </c>
      <c r="C12" s="597" t="s">
        <v>32</v>
      </c>
      <c r="D12" s="1558" t="s">
        <v>902</v>
      </c>
      <c r="E12" s="1558"/>
      <c r="F12" s="1558"/>
      <c r="G12" s="1558"/>
      <c r="H12" s="1558"/>
      <c r="I12" s="1559"/>
    </row>
    <row r="13" spans="1:11" ht="15" customHeight="1">
      <c r="A13" s="1440"/>
      <c r="B13" s="1449"/>
      <c r="C13" s="598" t="s">
        <v>17</v>
      </c>
      <c r="D13" s="606">
        <v>12345</v>
      </c>
      <c r="E13" s="551" t="s">
        <v>787</v>
      </c>
      <c r="F13" s="597" t="s">
        <v>890</v>
      </c>
      <c r="G13" s="1560" t="s">
        <v>891</v>
      </c>
      <c r="H13" s="1560"/>
      <c r="I13" s="1561"/>
      <c r="J13" s="609"/>
    </row>
    <row r="14" spans="1:11" ht="15" customHeight="1" thickBot="1">
      <c r="A14" s="1440"/>
      <c r="B14" s="1449"/>
      <c r="C14" s="597" t="s">
        <v>33</v>
      </c>
      <c r="D14" s="607">
        <v>8</v>
      </c>
      <c r="E14" s="35" t="s">
        <v>819</v>
      </c>
      <c r="F14" s="604" t="s">
        <v>34</v>
      </c>
      <c r="G14" s="1562">
        <v>23</v>
      </c>
      <c r="H14" s="1562"/>
      <c r="I14" s="603" t="s">
        <v>26</v>
      </c>
    </row>
    <row r="15" spans="1:11" ht="13.95" customHeight="1">
      <c r="A15" s="1440"/>
      <c r="B15" s="1453" t="s">
        <v>870</v>
      </c>
      <c r="C15" s="1456" t="s">
        <v>791</v>
      </c>
      <c r="D15" s="1457"/>
      <c r="E15" s="1563"/>
      <c r="F15" s="1467" t="s">
        <v>820</v>
      </c>
      <c r="G15" s="1467"/>
      <c r="H15" s="1570"/>
      <c r="I15" s="605" t="s">
        <v>197</v>
      </c>
    </row>
    <row r="16" spans="1:11" ht="13.95" customHeight="1">
      <c r="A16" s="1440"/>
      <c r="B16" s="1454"/>
      <c r="C16" s="1459"/>
      <c r="D16" s="1460"/>
      <c r="E16" s="1564"/>
      <c r="F16" s="1571" t="s">
        <v>893</v>
      </c>
      <c r="G16" s="1469"/>
      <c r="H16" s="1572"/>
      <c r="I16" s="611" t="s">
        <v>197</v>
      </c>
    </row>
    <row r="17" spans="1:10" ht="13.95" customHeight="1">
      <c r="A17" s="1440"/>
      <c r="B17" s="1454"/>
      <c r="C17" s="1459"/>
      <c r="D17" s="1460"/>
      <c r="E17" s="1564"/>
      <c r="F17" s="1469" t="s">
        <v>792</v>
      </c>
      <c r="G17" s="1469"/>
      <c r="H17" s="1572"/>
      <c r="I17" s="611" t="s">
        <v>197</v>
      </c>
    </row>
    <row r="18" spans="1:10" ht="13.95" customHeight="1">
      <c r="A18" s="1440"/>
      <c r="B18" s="1454"/>
      <c r="C18" s="1459"/>
      <c r="D18" s="1460"/>
      <c r="E18" s="1564"/>
      <c r="F18" s="1471" t="s">
        <v>821</v>
      </c>
      <c r="G18" s="1472"/>
      <c r="H18" s="1573"/>
      <c r="I18" s="611"/>
    </row>
    <row r="19" spans="1:10" ht="13.95" customHeight="1">
      <c r="A19" s="1440"/>
      <c r="B19" s="1454"/>
      <c r="C19" s="1459"/>
      <c r="D19" s="1460"/>
      <c r="E19" s="1564"/>
      <c r="F19" s="1471" t="s">
        <v>822</v>
      </c>
      <c r="G19" s="1472"/>
      <c r="H19" s="1573"/>
      <c r="I19" s="611"/>
    </row>
    <row r="20" spans="1:10" ht="13.95" customHeight="1">
      <c r="A20" s="1440"/>
      <c r="B20" s="1454"/>
      <c r="C20" s="1565"/>
      <c r="D20" s="1566"/>
      <c r="E20" s="1564"/>
      <c r="F20" s="1471" t="s">
        <v>823</v>
      </c>
      <c r="G20" s="1472"/>
      <c r="H20" s="1573"/>
      <c r="I20" s="611"/>
    </row>
    <row r="21" spans="1:10" ht="13.95" customHeight="1">
      <c r="A21" s="1440"/>
      <c r="B21" s="1454"/>
      <c r="C21" s="1565"/>
      <c r="D21" s="1566"/>
      <c r="E21" s="1564"/>
      <c r="F21" s="1578" t="s">
        <v>886</v>
      </c>
      <c r="G21" s="1579"/>
      <c r="H21" s="1580"/>
      <c r="I21" s="612"/>
    </row>
    <row r="22" spans="1:10" ht="13.95" customHeight="1">
      <c r="A22" s="1440"/>
      <c r="B22" s="1454"/>
      <c r="C22" s="1567"/>
      <c r="D22" s="1568"/>
      <c r="E22" s="1569"/>
      <c r="F22" s="596" t="s">
        <v>880</v>
      </c>
      <c r="G22" s="1581"/>
      <c r="H22" s="1582"/>
      <c r="I22" s="1583"/>
      <c r="J22" s="609"/>
    </row>
    <row r="23" spans="1:10" ht="13.95" customHeight="1">
      <c r="A23" s="1440"/>
      <c r="B23" s="1454"/>
      <c r="C23" s="1501" t="s">
        <v>793</v>
      </c>
      <c r="D23" s="1486" t="s">
        <v>824</v>
      </c>
      <c r="E23" s="1584"/>
      <c r="F23" s="1585" t="s">
        <v>863</v>
      </c>
      <c r="G23" s="1489"/>
      <c r="H23" s="1586"/>
      <c r="I23" s="613" t="s">
        <v>197</v>
      </c>
      <c r="J23" s="609" t="s">
        <v>896</v>
      </c>
    </row>
    <row r="24" spans="1:10" ht="13.95" customHeight="1">
      <c r="A24" s="1440"/>
      <c r="B24" s="1454"/>
      <c r="C24" s="1502"/>
      <c r="D24" s="1478"/>
      <c r="E24" s="1577"/>
      <c r="F24" s="1587" t="s">
        <v>864</v>
      </c>
      <c r="G24" s="1492"/>
      <c r="H24" s="1588"/>
      <c r="I24" s="610"/>
      <c r="J24" s="609" t="s">
        <v>897</v>
      </c>
    </row>
    <row r="25" spans="1:10" ht="13.95" customHeight="1">
      <c r="A25" s="1440"/>
      <c r="B25" s="1454"/>
      <c r="C25" s="1502"/>
      <c r="D25" s="1478"/>
      <c r="E25" s="1577"/>
      <c r="F25" s="1471" t="s">
        <v>794</v>
      </c>
      <c r="G25" s="1472"/>
      <c r="H25" s="1573"/>
      <c r="I25" s="611" t="s">
        <v>197</v>
      </c>
    </row>
    <row r="26" spans="1:10" ht="13.95" customHeight="1">
      <c r="A26" s="1440"/>
      <c r="B26" s="1454"/>
      <c r="C26" s="1502"/>
      <c r="D26" s="1478"/>
      <c r="E26" s="1577"/>
      <c r="F26" s="1578" t="s">
        <v>865</v>
      </c>
      <c r="G26" s="1472"/>
      <c r="H26" s="1573"/>
      <c r="I26" s="611" t="s">
        <v>197</v>
      </c>
    </row>
    <row r="27" spans="1:10" ht="13.95" customHeight="1">
      <c r="A27" s="1440"/>
      <c r="B27" s="1454"/>
      <c r="C27" s="1502"/>
      <c r="D27" s="1480"/>
      <c r="E27" s="1576"/>
      <c r="F27" s="1578" t="s">
        <v>866</v>
      </c>
      <c r="G27" s="1472"/>
      <c r="H27" s="1573"/>
      <c r="I27" s="611"/>
      <c r="J27" s="609"/>
    </row>
    <row r="28" spans="1:10" ht="13.95" customHeight="1">
      <c r="A28" s="1440"/>
      <c r="B28" s="1454"/>
      <c r="C28" s="1502"/>
      <c r="D28" s="1474" t="s">
        <v>796</v>
      </c>
      <c r="E28" s="1574"/>
      <c r="F28" s="1471" t="s">
        <v>795</v>
      </c>
      <c r="G28" s="1472"/>
      <c r="H28" s="1573"/>
      <c r="I28" s="611"/>
    </row>
    <row r="29" spans="1:10" ht="13.95" customHeight="1">
      <c r="A29" s="1440"/>
      <c r="B29" s="1454"/>
      <c r="C29" s="1502"/>
      <c r="D29" s="1575"/>
      <c r="E29" s="1576"/>
      <c r="F29" s="1471" t="s">
        <v>825</v>
      </c>
      <c r="G29" s="1472"/>
      <c r="H29" s="1573"/>
      <c r="I29" s="611"/>
    </row>
    <row r="30" spans="1:10" ht="13.95" customHeight="1">
      <c r="A30" s="1440"/>
      <c r="B30" s="1454"/>
      <c r="C30" s="1502"/>
      <c r="D30" s="1474" t="s">
        <v>826</v>
      </c>
      <c r="E30" s="1574"/>
      <c r="F30" s="1578" t="s">
        <v>867</v>
      </c>
      <c r="G30" s="1472"/>
      <c r="H30" s="1573"/>
      <c r="I30" s="611"/>
    </row>
    <row r="31" spans="1:10" ht="13.95" customHeight="1">
      <c r="A31" s="1440"/>
      <c r="B31" s="1454"/>
      <c r="C31" s="1502"/>
      <c r="D31" s="1478"/>
      <c r="E31" s="1577"/>
      <c r="F31" s="1471" t="s">
        <v>827</v>
      </c>
      <c r="G31" s="1472"/>
      <c r="H31" s="1573"/>
      <c r="I31" s="611"/>
    </row>
    <row r="32" spans="1:10" ht="13.95" customHeight="1">
      <c r="A32" s="1440"/>
      <c r="B32" s="1454"/>
      <c r="C32" s="1503"/>
      <c r="D32" s="1480"/>
      <c r="E32" s="1576"/>
      <c r="F32" s="1471" t="s">
        <v>797</v>
      </c>
      <c r="G32" s="1472"/>
      <c r="H32" s="1573"/>
      <c r="I32" s="611" t="s">
        <v>197</v>
      </c>
    </row>
    <row r="33" spans="1:11" ht="13.95" customHeight="1">
      <c r="A33" s="1440"/>
      <c r="B33" s="1454"/>
      <c r="C33" s="1503"/>
      <c r="D33" s="1474" t="s">
        <v>828</v>
      </c>
      <c r="E33" s="1574"/>
      <c r="F33" s="1471" t="s">
        <v>798</v>
      </c>
      <c r="G33" s="1472"/>
      <c r="H33" s="1573"/>
      <c r="I33" s="611"/>
    </row>
    <row r="34" spans="1:11" ht="13.95" customHeight="1">
      <c r="A34" s="1440"/>
      <c r="B34" s="1454"/>
      <c r="C34" s="1503"/>
      <c r="D34" s="1575"/>
      <c r="E34" s="1576"/>
      <c r="F34" s="1471" t="s">
        <v>829</v>
      </c>
      <c r="G34" s="1472"/>
      <c r="H34" s="1573"/>
      <c r="I34" s="611"/>
    </row>
    <row r="35" spans="1:11" ht="13.95" customHeight="1">
      <c r="A35" s="1440"/>
      <c r="B35" s="1454"/>
      <c r="C35" s="1504"/>
      <c r="D35" s="1596" t="s">
        <v>868</v>
      </c>
      <c r="E35" s="1577"/>
      <c r="F35" s="1578" t="s">
        <v>869</v>
      </c>
      <c r="G35" s="1579"/>
      <c r="H35" s="1580"/>
      <c r="I35" s="612" t="s">
        <v>197</v>
      </c>
    </row>
    <row r="36" spans="1:11" ht="13.95" customHeight="1">
      <c r="A36" s="1440"/>
      <c r="B36" s="1454"/>
      <c r="C36" s="1504"/>
      <c r="D36" s="1474" t="s">
        <v>830</v>
      </c>
      <c r="E36" s="1574"/>
      <c r="F36" s="1590" t="s">
        <v>887</v>
      </c>
      <c r="G36" s="1591"/>
      <c r="H36" s="1592"/>
      <c r="I36" s="612" t="s">
        <v>197</v>
      </c>
    </row>
    <row r="37" spans="1:11" ht="13.95" customHeight="1">
      <c r="A37" s="1440"/>
      <c r="B37" s="1454"/>
      <c r="C37" s="1505"/>
      <c r="D37" s="1597"/>
      <c r="E37" s="1598"/>
      <c r="F37" s="596" t="s">
        <v>880</v>
      </c>
      <c r="G37" s="1593" t="s">
        <v>912</v>
      </c>
      <c r="H37" s="1594"/>
      <c r="I37" s="1595"/>
      <c r="J37" s="609"/>
    </row>
    <row r="38" spans="1:11" ht="13.95" customHeight="1">
      <c r="A38" s="1440"/>
      <c r="B38" s="1454"/>
      <c r="C38" s="1459" t="s">
        <v>831</v>
      </c>
      <c r="D38" s="1460"/>
      <c r="E38" s="1564"/>
      <c r="F38" s="1494" t="s">
        <v>832</v>
      </c>
      <c r="G38" s="1494"/>
      <c r="H38" s="1589"/>
      <c r="I38" s="610" t="s">
        <v>197</v>
      </c>
    </row>
    <row r="39" spans="1:11" ht="13.95" customHeight="1">
      <c r="A39" s="1440"/>
      <c r="B39" s="1454"/>
      <c r="C39" s="1459"/>
      <c r="D39" s="1460"/>
      <c r="E39" s="1564"/>
      <c r="F39" s="1469" t="s">
        <v>833</v>
      </c>
      <c r="G39" s="1469"/>
      <c r="H39" s="1572"/>
      <c r="I39" s="611"/>
    </row>
    <row r="40" spans="1:11" ht="13.95" customHeight="1">
      <c r="A40" s="1440"/>
      <c r="B40" s="1454"/>
      <c r="C40" s="1459"/>
      <c r="D40" s="1460"/>
      <c r="E40" s="1564"/>
      <c r="F40" s="1469" t="s">
        <v>834</v>
      </c>
      <c r="G40" s="1469"/>
      <c r="H40" s="1572"/>
      <c r="I40" s="611"/>
    </row>
    <row r="41" spans="1:11" ht="13.95" customHeight="1">
      <c r="A41" s="1440"/>
      <c r="B41" s="1454"/>
      <c r="C41" s="1459"/>
      <c r="D41" s="1460"/>
      <c r="E41" s="1564"/>
      <c r="F41" s="1590" t="s">
        <v>885</v>
      </c>
      <c r="G41" s="1591"/>
      <c r="H41" s="1592"/>
      <c r="I41" s="612" t="s">
        <v>197</v>
      </c>
    </row>
    <row r="42" spans="1:11" ht="13.95" customHeight="1">
      <c r="A42" s="1440"/>
      <c r="B42" s="1454"/>
      <c r="C42" s="1567"/>
      <c r="D42" s="1568"/>
      <c r="E42" s="1569"/>
      <c r="F42" s="596" t="s">
        <v>880</v>
      </c>
      <c r="G42" s="1593" t="s">
        <v>895</v>
      </c>
      <c r="H42" s="1594"/>
      <c r="I42" s="1595"/>
      <c r="J42" s="609"/>
    </row>
    <row r="43" spans="1:11" ht="13.95" customHeight="1">
      <c r="A43" s="1440"/>
      <c r="B43" s="1454"/>
      <c r="C43" s="1599" t="s">
        <v>849</v>
      </c>
      <c r="D43" s="1507"/>
      <c r="E43" s="1600"/>
      <c r="F43" s="1494" t="s">
        <v>835</v>
      </c>
      <c r="G43" s="1494"/>
      <c r="H43" s="1589"/>
      <c r="I43" s="610"/>
    </row>
    <row r="44" spans="1:11" ht="13.95" customHeight="1">
      <c r="A44" s="1440"/>
      <c r="B44" s="1454"/>
      <c r="C44" s="1509"/>
      <c r="D44" s="1510"/>
      <c r="E44" s="1601"/>
      <c r="F44" s="1469" t="s">
        <v>836</v>
      </c>
      <c r="G44" s="1469"/>
      <c r="H44" s="1572"/>
      <c r="I44" s="611"/>
    </row>
    <row r="45" spans="1:11" ht="13.95" customHeight="1">
      <c r="A45" s="1440"/>
      <c r="B45" s="1454"/>
      <c r="C45" s="1602"/>
      <c r="D45" s="1603"/>
      <c r="E45" s="1601"/>
      <c r="F45" s="1607" t="s">
        <v>886</v>
      </c>
      <c r="G45" s="1518"/>
      <c r="H45" s="1592"/>
      <c r="I45" s="612"/>
    </row>
    <row r="46" spans="1:11" ht="13.95" customHeight="1" thickBot="1">
      <c r="A46" s="1440"/>
      <c r="B46" s="1455"/>
      <c r="C46" s="1604"/>
      <c r="D46" s="1605"/>
      <c r="E46" s="1606"/>
      <c r="F46" s="601" t="s">
        <v>880</v>
      </c>
      <c r="G46" s="1608"/>
      <c r="H46" s="1609"/>
      <c r="I46" s="1610"/>
      <c r="J46" s="609"/>
      <c r="K46" s="608"/>
    </row>
    <row r="47" spans="1:11" ht="15" customHeight="1">
      <c r="A47" s="1440"/>
      <c r="B47" s="1454" t="s">
        <v>600</v>
      </c>
      <c r="C47" s="556" t="s">
        <v>788</v>
      </c>
      <c r="D47" s="1611" t="s">
        <v>898</v>
      </c>
      <c r="E47" s="1611"/>
      <c r="F47" s="558" t="s">
        <v>789</v>
      </c>
      <c r="G47" s="1612">
        <v>3</v>
      </c>
      <c r="H47" s="1613"/>
      <c r="I47" s="519" t="s">
        <v>790</v>
      </c>
    </row>
    <row r="48" spans="1:11" ht="27" customHeight="1">
      <c r="A48" s="1440"/>
      <c r="B48" s="1522"/>
      <c r="C48" s="557" t="s">
        <v>874</v>
      </c>
      <c r="D48" s="1614" t="s">
        <v>907</v>
      </c>
      <c r="E48" s="1614"/>
      <c r="F48" s="1615"/>
      <c r="G48" s="1615"/>
      <c r="H48" s="1614"/>
      <c r="I48" s="1616"/>
    </row>
    <row r="49" spans="1:9" ht="15" customHeight="1">
      <c r="A49" s="1440"/>
      <c r="B49" s="1529" t="s">
        <v>837</v>
      </c>
      <c r="C49" s="1617" t="s">
        <v>838</v>
      </c>
      <c r="D49" s="1618"/>
      <c r="E49" s="1619"/>
      <c r="F49" s="1620" t="s">
        <v>899</v>
      </c>
      <c r="G49" s="1620"/>
      <c r="H49" s="1620"/>
      <c r="I49" s="1621"/>
    </row>
    <row r="50" spans="1:9" ht="15" customHeight="1">
      <c r="A50" s="1440"/>
      <c r="B50" s="1522"/>
      <c r="C50" s="1622" t="s">
        <v>839</v>
      </c>
      <c r="D50" s="1623"/>
      <c r="E50" s="1624"/>
      <c r="F50" s="1625" t="s">
        <v>900</v>
      </c>
      <c r="G50" s="1626"/>
      <c r="H50" s="1626"/>
      <c r="I50" s="1627"/>
    </row>
    <row r="51" spans="1:9" ht="15" customHeight="1">
      <c r="A51" s="1440"/>
      <c r="B51" s="1541" t="s">
        <v>856</v>
      </c>
      <c r="C51" s="1617" t="s">
        <v>857</v>
      </c>
      <c r="D51" s="1618"/>
      <c r="E51" s="1619"/>
      <c r="F51" s="1628" t="s">
        <v>901</v>
      </c>
      <c r="G51" s="1628"/>
      <c r="H51" s="1628"/>
      <c r="I51" s="1629"/>
    </row>
    <row r="52" spans="1:9" ht="27" customHeight="1">
      <c r="A52" s="1440"/>
      <c r="B52" s="1542"/>
      <c r="C52" s="592" t="s">
        <v>858</v>
      </c>
      <c r="D52" s="1630" t="s">
        <v>908</v>
      </c>
      <c r="E52" s="1631"/>
      <c r="F52" s="1631"/>
      <c r="G52" s="1631"/>
      <c r="H52" s="1631"/>
      <c r="I52" s="1632"/>
    </row>
    <row r="53" spans="1:9" ht="15" customHeight="1" thickBot="1">
      <c r="A53" s="1441"/>
      <c r="B53" s="602" t="s">
        <v>916</v>
      </c>
      <c r="C53" s="1633" t="s">
        <v>859</v>
      </c>
      <c r="D53" s="1634"/>
      <c r="E53" s="1635"/>
      <c r="F53" s="1636" t="s">
        <v>906</v>
      </c>
      <c r="G53" s="1636"/>
      <c r="H53" s="1636"/>
      <c r="I53" s="1637"/>
    </row>
    <row r="54" spans="1:9" ht="15" customHeight="1">
      <c r="A54" s="1439">
        <v>2</v>
      </c>
      <c r="B54" s="599" t="s">
        <v>882</v>
      </c>
      <c r="C54" s="1554" t="s">
        <v>892</v>
      </c>
      <c r="D54" s="1555"/>
      <c r="E54" s="1555"/>
      <c r="F54" s="1555"/>
      <c r="G54" s="1555"/>
      <c r="H54" s="1555"/>
      <c r="I54" s="1556"/>
    </row>
    <row r="55" spans="1:9" ht="15" customHeight="1">
      <c r="A55" s="1440"/>
      <c r="B55" s="600" t="s">
        <v>883</v>
      </c>
      <c r="C55" s="1557" t="s">
        <v>904</v>
      </c>
      <c r="D55" s="1558"/>
      <c r="E55" s="1558"/>
      <c r="F55" s="1558"/>
      <c r="G55" s="1558"/>
      <c r="H55" s="1558"/>
      <c r="I55" s="1559"/>
    </row>
    <row r="56" spans="1:9" ht="15" customHeight="1">
      <c r="A56" s="1440"/>
      <c r="B56" s="600" t="s">
        <v>881</v>
      </c>
      <c r="C56" s="1557" t="s">
        <v>905</v>
      </c>
      <c r="D56" s="1558"/>
      <c r="E56" s="1558"/>
      <c r="F56" s="1558"/>
      <c r="G56" s="1558"/>
      <c r="H56" s="1558"/>
      <c r="I56" s="1559"/>
    </row>
    <row r="57" spans="1:9" ht="15" customHeight="1">
      <c r="A57" s="1440"/>
      <c r="B57" s="1448" t="s">
        <v>884</v>
      </c>
      <c r="C57" s="597" t="s">
        <v>32</v>
      </c>
      <c r="D57" s="1558" t="s">
        <v>903</v>
      </c>
      <c r="E57" s="1558"/>
      <c r="F57" s="1558"/>
      <c r="G57" s="1558"/>
      <c r="H57" s="1558"/>
      <c r="I57" s="1559"/>
    </row>
    <row r="58" spans="1:9" ht="15" customHeight="1">
      <c r="A58" s="1440"/>
      <c r="B58" s="1449"/>
      <c r="C58" s="598" t="s">
        <v>17</v>
      </c>
      <c r="D58" s="614">
        <v>850</v>
      </c>
      <c r="E58" s="551" t="s">
        <v>787</v>
      </c>
      <c r="F58" s="597" t="s">
        <v>890</v>
      </c>
      <c r="G58" s="1560" t="s">
        <v>814</v>
      </c>
      <c r="H58" s="1560"/>
      <c r="I58" s="1561"/>
    </row>
    <row r="59" spans="1:9" ht="15" customHeight="1" thickBot="1">
      <c r="A59" s="1440"/>
      <c r="B59" s="1449"/>
      <c r="C59" s="597" t="s">
        <v>33</v>
      </c>
      <c r="D59" s="607">
        <v>2</v>
      </c>
      <c r="E59" s="35" t="s">
        <v>819</v>
      </c>
      <c r="F59" s="604" t="s">
        <v>34</v>
      </c>
      <c r="G59" s="1562">
        <v>35</v>
      </c>
      <c r="H59" s="1562"/>
      <c r="I59" s="603" t="s">
        <v>26</v>
      </c>
    </row>
    <row r="60" spans="1:9" ht="13.95" customHeight="1">
      <c r="A60" s="1440"/>
      <c r="B60" s="1453" t="s">
        <v>870</v>
      </c>
      <c r="C60" s="1456" t="s">
        <v>791</v>
      </c>
      <c r="D60" s="1457"/>
      <c r="E60" s="1563"/>
      <c r="F60" s="1467" t="s">
        <v>820</v>
      </c>
      <c r="G60" s="1467"/>
      <c r="H60" s="1570"/>
      <c r="I60" s="605" t="s">
        <v>197</v>
      </c>
    </row>
    <row r="61" spans="1:9" ht="13.95" customHeight="1">
      <c r="A61" s="1440"/>
      <c r="B61" s="1454"/>
      <c r="C61" s="1459"/>
      <c r="D61" s="1460"/>
      <c r="E61" s="1564"/>
      <c r="F61" s="1571" t="s">
        <v>893</v>
      </c>
      <c r="G61" s="1469"/>
      <c r="H61" s="1572"/>
      <c r="I61" s="611" t="s">
        <v>197</v>
      </c>
    </row>
    <row r="62" spans="1:9" ht="13.95" customHeight="1">
      <c r="A62" s="1440"/>
      <c r="B62" s="1454"/>
      <c r="C62" s="1459"/>
      <c r="D62" s="1460"/>
      <c r="E62" s="1564"/>
      <c r="F62" s="1469" t="s">
        <v>792</v>
      </c>
      <c r="G62" s="1469"/>
      <c r="H62" s="1572"/>
      <c r="I62" s="611"/>
    </row>
    <row r="63" spans="1:9" ht="13.95" customHeight="1">
      <c r="A63" s="1440"/>
      <c r="B63" s="1454"/>
      <c r="C63" s="1459"/>
      <c r="D63" s="1460"/>
      <c r="E63" s="1564"/>
      <c r="F63" s="1471" t="s">
        <v>821</v>
      </c>
      <c r="G63" s="1472"/>
      <c r="H63" s="1573"/>
      <c r="I63" s="611"/>
    </row>
    <row r="64" spans="1:9" ht="13.95" customHeight="1">
      <c r="A64" s="1440"/>
      <c r="B64" s="1454"/>
      <c r="C64" s="1459"/>
      <c r="D64" s="1460"/>
      <c r="E64" s="1564"/>
      <c r="F64" s="1471" t="s">
        <v>822</v>
      </c>
      <c r="G64" s="1472"/>
      <c r="H64" s="1573"/>
      <c r="I64" s="611"/>
    </row>
    <row r="65" spans="1:9" ht="13.95" customHeight="1">
      <c r="A65" s="1440"/>
      <c r="B65" s="1454"/>
      <c r="C65" s="1565"/>
      <c r="D65" s="1566"/>
      <c r="E65" s="1564"/>
      <c r="F65" s="1471" t="s">
        <v>823</v>
      </c>
      <c r="G65" s="1472"/>
      <c r="H65" s="1573"/>
      <c r="I65" s="611"/>
    </row>
    <row r="66" spans="1:9" ht="13.95" customHeight="1">
      <c r="A66" s="1440"/>
      <c r="B66" s="1454"/>
      <c r="C66" s="1565"/>
      <c r="D66" s="1566"/>
      <c r="E66" s="1564"/>
      <c r="F66" s="1578" t="s">
        <v>886</v>
      </c>
      <c r="G66" s="1579"/>
      <c r="H66" s="1580"/>
      <c r="I66" s="612"/>
    </row>
    <row r="67" spans="1:9" ht="13.95" customHeight="1">
      <c r="A67" s="1440"/>
      <c r="B67" s="1454"/>
      <c r="C67" s="1567"/>
      <c r="D67" s="1568"/>
      <c r="E67" s="1569"/>
      <c r="F67" s="596" t="s">
        <v>880</v>
      </c>
      <c r="G67" s="1581"/>
      <c r="H67" s="1582"/>
      <c r="I67" s="1583"/>
    </row>
    <row r="68" spans="1:9" ht="13.95" customHeight="1">
      <c r="A68" s="1440"/>
      <c r="B68" s="1454"/>
      <c r="C68" s="1501" t="s">
        <v>793</v>
      </c>
      <c r="D68" s="1486" t="s">
        <v>824</v>
      </c>
      <c r="E68" s="1584"/>
      <c r="F68" s="1585" t="s">
        <v>863</v>
      </c>
      <c r="G68" s="1489"/>
      <c r="H68" s="1586"/>
      <c r="I68" s="613"/>
    </row>
    <row r="69" spans="1:9" ht="13.95" customHeight="1">
      <c r="A69" s="1440"/>
      <c r="B69" s="1454"/>
      <c r="C69" s="1502"/>
      <c r="D69" s="1478"/>
      <c r="E69" s="1577"/>
      <c r="F69" s="1587" t="s">
        <v>864</v>
      </c>
      <c r="G69" s="1492"/>
      <c r="H69" s="1588"/>
      <c r="I69" s="610" t="s">
        <v>197</v>
      </c>
    </row>
    <row r="70" spans="1:9" ht="13.95" customHeight="1">
      <c r="A70" s="1440"/>
      <c r="B70" s="1454"/>
      <c r="C70" s="1502"/>
      <c r="D70" s="1478"/>
      <c r="E70" s="1577"/>
      <c r="F70" s="1471" t="s">
        <v>794</v>
      </c>
      <c r="G70" s="1472"/>
      <c r="H70" s="1573"/>
      <c r="I70" s="611"/>
    </row>
    <row r="71" spans="1:9" ht="13.95" customHeight="1">
      <c r="A71" s="1440"/>
      <c r="B71" s="1454"/>
      <c r="C71" s="1502"/>
      <c r="D71" s="1478"/>
      <c r="E71" s="1577"/>
      <c r="F71" s="1578" t="s">
        <v>865</v>
      </c>
      <c r="G71" s="1472"/>
      <c r="H71" s="1573"/>
      <c r="I71" s="611"/>
    </row>
    <row r="72" spans="1:9" ht="13.95" customHeight="1">
      <c r="A72" s="1440"/>
      <c r="B72" s="1454"/>
      <c r="C72" s="1502"/>
      <c r="D72" s="1480"/>
      <c r="E72" s="1576"/>
      <c r="F72" s="1578" t="s">
        <v>866</v>
      </c>
      <c r="G72" s="1472"/>
      <c r="H72" s="1573"/>
      <c r="I72" s="611" t="s">
        <v>197</v>
      </c>
    </row>
    <row r="73" spans="1:9" ht="13.95" customHeight="1">
      <c r="A73" s="1440"/>
      <c r="B73" s="1454"/>
      <c r="C73" s="1502"/>
      <c r="D73" s="1474" t="s">
        <v>796</v>
      </c>
      <c r="E73" s="1574"/>
      <c r="F73" s="1471" t="s">
        <v>795</v>
      </c>
      <c r="G73" s="1472"/>
      <c r="H73" s="1573"/>
      <c r="I73" s="611" t="s">
        <v>197</v>
      </c>
    </row>
    <row r="74" spans="1:9" ht="13.95" customHeight="1">
      <c r="A74" s="1440"/>
      <c r="B74" s="1454"/>
      <c r="C74" s="1502"/>
      <c r="D74" s="1575"/>
      <c r="E74" s="1576"/>
      <c r="F74" s="1471" t="s">
        <v>825</v>
      </c>
      <c r="G74" s="1472"/>
      <c r="H74" s="1573"/>
      <c r="I74" s="611" t="s">
        <v>197</v>
      </c>
    </row>
    <row r="75" spans="1:9" ht="13.95" customHeight="1">
      <c r="A75" s="1440"/>
      <c r="B75" s="1454"/>
      <c r="C75" s="1502"/>
      <c r="D75" s="1474" t="s">
        <v>826</v>
      </c>
      <c r="E75" s="1574"/>
      <c r="F75" s="1578" t="s">
        <v>867</v>
      </c>
      <c r="G75" s="1472"/>
      <c r="H75" s="1573"/>
      <c r="I75" s="611"/>
    </row>
    <row r="76" spans="1:9" ht="13.95" customHeight="1">
      <c r="A76" s="1440"/>
      <c r="B76" s="1454"/>
      <c r="C76" s="1502"/>
      <c r="D76" s="1478"/>
      <c r="E76" s="1577"/>
      <c r="F76" s="1471" t="s">
        <v>827</v>
      </c>
      <c r="G76" s="1472"/>
      <c r="H76" s="1573"/>
      <c r="I76" s="611"/>
    </row>
    <row r="77" spans="1:9" ht="13.95" customHeight="1">
      <c r="A77" s="1440"/>
      <c r="B77" s="1454"/>
      <c r="C77" s="1503"/>
      <c r="D77" s="1480"/>
      <c r="E77" s="1576"/>
      <c r="F77" s="1471" t="s">
        <v>797</v>
      </c>
      <c r="G77" s="1472"/>
      <c r="H77" s="1573"/>
      <c r="I77" s="611"/>
    </row>
    <row r="78" spans="1:9" ht="13.95" customHeight="1">
      <c r="A78" s="1440"/>
      <c r="B78" s="1454"/>
      <c r="C78" s="1503"/>
      <c r="D78" s="1474" t="s">
        <v>828</v>
      </c>
      <c r="E78" s="1574"/>
      <c r="F78" s="1471" t="s">
        <v>798</v>
      </c>
      <c r="G78" s="1472"/>
      <c r="H78" s="1573"/>
      <c r="I78" s="611"/>
    </row>
    <row r="79" spans="1:9" ht="13.95" customHeight="1">
      <c r="A79" s="1440"/>
      <c r="B79" s="1454"/>
      <c r="C79" s="1503"/>
      <c r="D79" s="1575"/>
      <c r="E79" s="1576"/>
      <c r="F79" s="1471" t="s">
        <v>829</v>
      </c>
      <c r="G79" s="1472"/>
      <c r="H79" s="1573"/>
      <c r="I79" s="611"/>
    </row>
    <row r="80" spans="1:9" ht="13.95" customHeight="1">
      <c r="A80" s="1440"/>
      <c r="B80" s="1454"/>
      <c r="C80" s="1504"/>
      <c r="D80" s="1596" t="s">
        <v>868</v>
      </c>
      <c r="E80" s="1577"/>
      <c r="F80" s="1578" t="s">
        <v>869</v>
      </c>
      <c r="G80" s="1579"/>
      <c r="H80" s="1580"/>
      <c r="I80" s="612"/>
    </row>
    <row r="81" spans="1:9" ht="13.95" customHeight="1">
      <c r="A81" s="1440"/>
      <c r="B81" s="1454"/>
      <c r="C81" s="1504"/>
      <c r="D81" s="1474" t="s">
        <v>830</v>
      </c>
      <c r="E81" s="1574"/>
      <c r="F81" s="1590" t="s">
        <v>887</v>
      </c>
      <c r="G81" s="1591"/>
      <c r="H81" s="1592"/>
      <c r="I81" s="612"/>
    </row>
    <row r="82" spans="1:9" ht="13.95" customHeight="1">
      <c r="A82" s="1440"/>
      <c r="B82" s="1454"/>
      <c r="C82" s="1505"/>
      <c r="D82" s="1597"/>
      <c r="E82" s="1598"/>
      <c r="F82" s="596" t="s">
        <v>880</v>
      </c>
      <c r="G82" s="1593"/>
      <c r="H82" s="1594"/>
      <c r="I82" s="1595"/>
    </row>
    <row r="83" spans="1:9" ht="13.95" customHeight="1">
      <c r="A83" s="1440"/>
      <c r="B83" s="1454"/>
      <c r="C83" s="1459" t="s">
        <v>831</v>
      </c>
      <c r="D83" s="1460"/>
      <c r="E83" s="1564"/>
      <c r="F83" s="1494" t="s">
        <v>832</v>
      </c>
      <c r="G83" s="1494"/>
      <c r="H83" s="1589"/>
      <c r="I83" s="610" t="s">
        <v>197</v>
      </c>
    </row>
    <row r="84" spans="1:9" ht="13.95" customHeight="1">
      <c r="A84" s="1440"/>
      <c r="B84" s="1454"/>
      <c r="C84" s="1459"/>
      <c r="D84" s="1460"/>
      <c r="E84" s="1564"/>
      <c r="F84" s="1469" t="s">
        <v>833</v>
      </c>
      <c r="G84" s="1469"/>
      <c r="H84" s="1572"/>
      <c r="I84" s="552"/>
    </row>
    <row r="85" spans="1:9" ht="13.95" customHeight="1">
      <c r="A85" s="1440"/>
      <c r="B85" s="1454"/>
      <c r="C85" s="1459"/>
      <c r="D85" s="1460"/>
      <c r="E85" s="1564"/>
      <c r="F85" s="1469" t="s">
        <v>834</v>
      </c>
      <c r="G85" s="1469"/>
      <c r="H85" s="1572"/>
      <c r="I85" s="552"/>
    </row>
    <row r="86" spans="1:9" ht="13.95" customHeight="1">
      <c r="A86" s="1440"/>
      <c r="B86" s="1454"/>
      <c r="C86" s="1459"/>
      <c r="D86" s="1460"/>
      <c r="E86" s="1564"/>
      <c r="F86" s="1590" t="s">
        <v>885</v>
      </c>
      <c r="G86" s="1591"/>
      <c r="H86" s="1592"/>
      <c r="I86" s="553"/>
    </row>
    <row r="87" spans="1:9" ht="13.95" customHeight="1">
      <c r="A87" s="1440"/>
      <c r="B87" s="1454"/>
      <c r="C87" s="1567"/>
      <c r="D87" s="1568"/>
      <c r="E87" s="1569"/>
      <c r="F87" s="596" t="s">
        <v>880</v>
      </c>
      <c r="G87" s="1593"/>
      <c r="H87" s="1594"/>
      <c r="I87" s="1595"/>
    </row>
    <row r="88" spans="1:9" ht="13.95" customHeight="1">
      <c r="A88" s="1440"/>
      <c r="B88" s="1553"/>
      <c r="C88" s="1599" t="s">
        <v>849</v>
      </c>
      <c r="D88" s="1507"/>
      <c r="E88" s="1600"/>
      <c r="F88" s="1494" t="s">
        <v>835</v>
      </c>
      <c r="G88" s="1494"/>
      <c r="H88" s="1589"/>
      <c r="I88" s="610"/>
    </row>
    <row r="89" spans="1:9" ht="13.95" customHeight="1">
      <c r="A89" s="1440"/>
      <c r="B89" s="1553"/>
      <c r="C89" s="1509"/>
      <c r="D89" s="1510"/>
      <c r="E89" s="1601"/>
      <c r="F89" s="1469" t="s">
        <v>836</v>
      </c>
      <c r="G89" s="1469"/>
      <c r="H89" s="1572"/>
      <c r="I89" s="611"/>
    </row>
    <row r="90" spans="1:9" ht="13.95" customHeight="1">
      <c r="A90" s="1440"/>
      <c r="B90" s="1553"/>
      <c r="C90" s="1602"/>
      <c r="D90" s="1603"/>
      <c r="E90" s="1601"/>
      <c r="F90" s="1607" t="s">
        <v>886</v>
      </c>
      <c r="G90" s="1518"/>
      <c r="H90" s="1592"/>
      <c r="I90" s="612" t="s">
        <v>197</v>
      </c>
    </row>
    <row r="91" spans="1:9" ht="13.95" customHeight="1" thickBot="1">
      <c r="A91" s="1440"/>
      <c r="B91" s="1059"/>
      <c r="C91" s="1604"/>
      <c r="D91" s="1605"/>
      <c r="E91" s="1606"/>
      <c r="F91" s="601" t="s">
        <v>880</v>
      </c>
      <c r="G91" s="1608" t="s">
        <v>911</v>
      </c>
      <c r="H91" s="1609"/>
      <c r="I91" s="1610"/>
    </row>
    <row r="92" spans="1:9" ht="15" customHeight="1">
      <c r="A92" s="1440"/>
      <c r="B92" s="1454" t="s">
        <v>600</v>
      </c>
      <c r="C92" s="556" t="s">
        <v>788</v>
      </c>
      <c r="D92" s="1611" t="s">
        <v>898</v>
      </c>
      <c r="E92" s="1611"/>
      <c r="F92" s="558" t="s">
        <v>789</v>
      </c>
      <c r="G92" s="1612">
        <v>3</v>
      </c>
      <c r="H92" s="1613"/>
      <c r="I92" s="519" t="s">
        <v>790</v>
      </c>
    </row>
    <row r="93" spans="1:9" ht="27" customHeight="1">
      <c r="A93" s="1440"/>
      <c r="B93" s="1522"/>
      <c r="C93" s="557" t="s">
        <v>874</v>
      </c>
      <c r="D93" s="1614" t="s">
        <v>913</v>
      </c>
      <c r="E93" s="1614"/>
      <c r="F93" s="1615"/>
      <c r="G93" s="1615"/>
      <c r="H93" s="1614"/>
      <c r="I93" s="1616"/>
    </row>
    <row r="94" spans="1:9" ht="15" customHeight="1">
      <c r="A94" s="1440"/>
      <c r="B94" s="1529" t="s">
        <v>837</v>
      </c>
      <c r="C94" s="1617" t="s">
        <v>838</v>
      </c>
      <c r="D94" s="1618"/>
      <c r="E94" s="1619"/>
      <c r="F94" s="1620" t="s">
        <v>899</v>
      </c>
      <c r="G94" s="1620"/>
      <c r="H94" s="1620"/>
      <c r="I94" s="1621"/>
    </row>
    <row r="95" spans="1:9" ht="15" customHeight="1">
      <c r="A95" s="1440"/>
      <c r="B95" s="1522"/>
      <c r="C95" s="1622" t="s">
        <v>839</v>
      </c>
      <c r="D95" s="1623"/>
      <c r="E95" s="1624"/>
      <c r="F95" s="1625" t="s">
        <v>900</v>
      </c>
      <c r="G95" s="1626"/>
      <c r="H95" s="1626"/>
      <c r="I95" s="1627"/>
    </row>
    <row r="96" spans="1:9" ht="15" customHeight="1">
      <c r="A96" s="1440"/>
      <c r="B96" s="1541" t="s">
        <v>856</v>
      </c>
      <c r="C96" s="1617" t="s">
        <v>857</v>
      </c>
      <c r="D96" s="1618"/>
      <c r="E96" s="1619"/>
      <c r="F96" s="1628" t="s">
        <v>909</v>
      </c>
      <c r="G96" s="1628"/>
      <c r="H96" s="1628"/>
      <c r="I96" s="1629"/>
    </row>
    <row r="97" spans="1:9" ht="27" customHeight="1">
      <c r="A97" s="1440"/>
      <c r="B97" s="1542"/>
      <c r="C97" s="592" t="s">
        <v>858</v>
      </c>
      <c r="D97" s="1630"/>
      <c r="E97" s="1631"/>
      <c r="F97" s="1631"/>
      <c r="G97" s="1631"/>
      <c r="H97" s="1631"/>
      <c r="I97" s="1632"/>
    </row>
    <row r="98" spans="1:9" ht="15" customHeight="1" thickBot="1">
      <c r="A98" s="1441"/>
      <c r="B98" s="602" t="s">
        <v>916</v>
      </c>
      <c r="C98" s="1633" t="s">
        <v>859</v>
      </c>
      <c r="D98" s="1634"/>
      <c r="E98" s="1635"/>
      <c r="F98" s="1636" t="s">
        <v>910</v>
      </c>
      <c r="G98" s="1636"/>
      <c r="H98" s="1636"/>
      <c r="I98" s="1637"/>
    </row>
    <row r="99" spans="1:9">
      <c r="B99" s="555" t="s">
        <v>919</v>
      </c>
    </row>
    <row r="103" spans="1:9">
      <c r="H103" s="591"/>
    </row>
  </sheetData>
  <mergeCells count="137">
    <mergeCell ref="B96:B97"/>
    <mergeCell ref="C96:E96"/>
    <mergeCell ref="F96:I96"/>
    <mergeCell ref="D97:I97"/>
    <mergeCell ref="C98:E98"/>
    <mergeCell ref="F98:I98"/>
    <mergeCell ref="B92:B93"/>
    <mergeCell ref="D92:E92"/>
    <mergeCell ref="G92:H92"/>
    <mergeCell ref="D93:I93"/>
    <mergeCell ref="B94:B95"/>
    <mergeCell ref="C94:E94"/>
    <mergeCell ref="F94:I94"/>
    <mergeCell ref="C95:E95"/>
    <mergeCell ref="F95:I95"/>
    <mergeCell ref="G87:I87"/>
    <mergeCell ref="C88:E91"/>
    <mergeCell ref="F88:H88"/>
    <mergeCell ref="F89:H89"/>
    <mergeCell ref="F90:H90"/>
    <mergeCell ref="G91:I91"/>
    <mergeCell ref="D80:E80"/>
    <mergeCell ref="F80:H80"/>
    <mergeCell ref="D81:E82"/>
    <mergeCell ref="F81:H81"/>
    <mergeCell ref="G82:I82"/>
    <mergeCell ref="C83:E87"/>
    <mergeCell ref="F83:H83"/>
    <mergeCell ref="F84:H84"/>
    <mergeCell ref="F85:H85"/>
    <mergeCell ref="F86:H86"/>
    <mergeCell ref="D78:E79"/>
    <mergeCell ref="F78:H78"/>
    <mergeCell ref="F79:H79"/>
    <mergeCell ref="C68:C82"/>
    <mergeCell ref="D68:E72"/>
    <mergeCell ref="F68:H68"/>
    <mergeCell ref="F69:H69"/>
    <mergeCell ref="F70:H70"/>
    <mergeCell ref="F71:H71"/>
    <mergeCell ref="F72:H72"/>
    <mergeCell ref="D73:E74"/>
    <mergeCell ref="F73:H73"/>
    <mergeCell ref="F74:H74"/>
    <mergeCell ref="C53:E53"/>
    <mergeCell ref="F53:I53"/>
    <mergeCell ref="A54:A98"/>
    <mergeCell ref="C54:I54"/>
    <mergeCell ref="C55:I55"/>
    <mergeCell ref="C56:I56"/>
    <mergeCell ref="B57:B59"/>
    <mergeCell ref="D57:I57"/>
    <mergeCell ref="G58:I58"/>
    <mergeCell ref="G59:H59"/>
    <mergeCell ref="B60:B91"/>
    <mergeCell ref="C60:E67"/>
    <mergeCell ref="F60:H60"/>
    <mergeCell ref="F61:H61"/>
    <mergeCell ref="F62:H62"/>
    <mergeCell ref="F63:H63"/>
    <mergeCell ref="F64:H64"/>
    <mergeCell ref="F65:H65"/>
    <mergeCell ref="F66:H66"/>
    <mergeCell ref="G67:I67"/>
    <mergeCell ref="D75:E77"/>
    <mergeCell ref="F75:H75"/>
    <mergeCell ref="F76:H76"/>
    <mergeCell ref="F77:H77"/>
    <mergeCell ref="B49:B50"/>
    <mergeCell ref="C49:E49"/>
    <mergeCell ref="F49:I49"/>
    <mergeCell ref="C50:E50"/>
    <mergeCell ref="F50:I50"/>
    <mergeCell ref="B51:B52"/>
    <mergeCell ref="C51:E51"/>
    <mergeCell ref="F51:I51"/>
    <mergeCell ref="D52:I52"/>
    <mergeCell ref="C43:E46"/>
    <mergeCell ref="F43:H43"/>
    <mergeCell ref="F44:H44"/>
    <mergeCell ref="F45:H45"/>
    <mergeCell ref="G46:I46"/>
    <mergeCell ref="B47:B48"/>
    <mergeCell ref="D47:E47"/>
    <mergeCell ref="G47:H47"/>
    <mergeCell ref="D48:I48"/>
    <mergeCell ref="C38:E42"/>
    <mergeCell ref="F38:H38"/>
    <mergeCell ref="F39:H39"/>
    <mergeCell ref="F40:H40"/>
    <mergeCell ref="F41:H41"/>
    <mergeCell ref="G42:I42"/>
    <mergeCell ref="D33:E34"/>
    <mergeCell ref="F33:H33"/>
    <mergeCell ref="F34:H34"/>
    <mergeCell ref="D35:E35"/>
    <mergeCell ref="F35:H35"/>
    <mergeCell ref="D36:E37"/>
    <mergeCell ref="F36:H36"/>
    <mergeCell ref="G37:I37"/>
    <mergeCell ref="C23:C37"/>
    <mergeCell ref="F30:H30"/>
    <mergeCell ref="F31:H31"/>
    <mergeCell ref="F32:H32"/>
    <mergeCell ref="F20:H20"/>
    <mergeCell ref="F21:H21"/>
    <mergeCell ref="G22:I22"/>
    <mergeCell ref="D23:E27"/>
    <mergeCell ref="F23:H23"/>
    <mergeCell ref="F24:H24"/>
    <mergeCell ref="F25:H25"/>
    <mergeCell ref="F26:H26"/>
    <mergeCell ref="F27:H27"/>
    <mergeCell ref="H1:I1"/>
    <mergeCell ref="A3:I3"/>
    <mergeCell ref="E5:I5"/>
    <mergeCell ref="A7:G7"/>
    <mergeCell ref="H7:I7"/>
    <mergeCell ref="A9:A53"/>
    <mergeCell ref="C9:I9"/>
    <mergeCell ref="C10:I10"/>
    <mergeCell ref="C11:I11"/>
    <mergeCell ref="B12:B14"/>
    <mergeCell ref="D12:I12"/>
    <mergeCell ref="G13:I13"/>
    <mergeCell ref="G14:H14"/>
    <mergeCell ref="B15:B46"/>
    <mergeCell ref="C15:E22"/>
    <mergeCell ref="F15:H15"/>
    <mergeCell ref="F16:H16"/>
    <mergeCell ref="F17:H17"/>
    <mergeCell ref="F18:H18"/>
    <mergeCell ref="F19:H19"/>
    <mergeCell ref="D28:E29"/>
    <mergeCell ref="F28:H28"/>
    <mergeCell ref="F29:H29"/>
    <mergeCell ref="D30:E32"/>
  </mergeCells>
  <phoneticPr fontId="7"/>
  <dataValidations count="15">
    <dataValidation allowBlank="1" showInputMessage="1" showErrorMessage="1" prompt="その他の再エネを選択した場合は具体的に記入_x000a_記入例：バイオマス発電、地中熱利用など" sqref="G42:I42 G87:I87" xr:uid="{00000000-0002-0000-1700-000000000000}"/>
    <dataValidation allowBlank="1" showInputMessage="1" showErrorMessage="1" prompt="対象施設の所在地を記入" sqref="D12:I12 D57:I57" xr:uid="{00000000-0002-0000-1700-000001000000}"/>
    <dataValidation allowBlank="1" showInputMessage="1" showErrorMessage="1" promptTitle="事業主" prompt="記入例：○○省○○局" sqref="C9:I9 C54:I54" xr:uid="{00000000-0002-0000-1700-000002000000}"/>
    <dataValidation allowBlank="1" showInputMessage="1" showErrorMessage="1" promptTitle="複数の施設の改修設計を一括して契約した場合" prompt="契約対象の施設数分詳細入力用の様式（9行目から53行目まで）をコピーして行の下に追加_x000a_例えば契約対象施設が5施設ある場合は、各施設ごとに１～４の施設に関する情報と当該施設における技術・設備等や契約情報等の詳細を記入" sqref="C11:I11 C56:I56" xr:uid="{00000000-0002-0000-1700-000003000000}"/>
    <dataValidation type="list" allowBlank="1" showInputMessage="1" showErrorMessage="1" sqref="I43:I45 I15:I21 I23:I36 I38:I41 I88:I90 I60:I66 I68:I81 I83:I86" xr:uid="{00000000-0002-0000-1700-000004000000}">
      <formula1>"○"</formula1>
    </dataValidation>
    <dataValidation type="list" allowBlank="1" showInputMessage="1" showErrorMessage="1" sqref="F50:I50 F95:I95" xr:uid="{00000000-0002-0000-1700-000005000000}">
      <formula1>"『ZEB』（ゼブ）,Nearly ZEB（ニアリーゼブ）,ZEB Ready（ゼブレディ）,ZEB Oriented（ゼブオリエンテッド）"</formula1>
    </dataValidation>
    <dataValidation type="list" allowBlank="1" showInputMessage="1" showErrorMessage="1" sqref="F49:I49 F94:I94" xr:uid="{00000000-0002-0000-1700-000006000000}">
      <formula1>"①既に達成済み,②今回の改修事業によって達成,③将来的に達成予定,④達成困難,⑤取組・計画は未実施,⑥その他"</formula1>
    </dataValidation>
    <dataValidation type="list" allowBlank="1" showInputMessage="1" showErrorMessage="1" sqref="H7:I7" xr:uid="{00000000-0002-0000-1700-000007000000}">
      <formula1>"実績なし"</formula1>
    </dataValidation>
    <dataValidation type="list" allowBlank="1" showInputMessage="1" showErrorMessage="1" sqref="D47:E47 D92:E92" xr:uid="{00000000-0002-0000-1700-000008000000}">
      <formula1>"プロポーザル方式,総合評価落札方式,最低価格落札方式,随意契約,その他"</formula1>
    </dataValidation>
    <dataValidation type="list" allowBlank="1" showInputMessage="1" showErrorMessage="1" sqref="F53:I53 F98:I98" xr:uid="{00000000-0002-0000-1700-000009000000}">
      <formula1>"①既に改修事業以前から導入済み,②今回の改修事業で導入,③今回の改修事業で機能を更新,④導入していない"</formula1>
    </dataValidation>
    <dataValidation type="list" allowBlank="1" showInputMessage="1" showErrorMessage="1" sqref="F51:I51 F96:I96" xr:uid="{00000000-0002-0000-1700-00000A000000}">
      <formula1>"①改修事業の立案に当たり活用,②今回の改修事業では活用していない,③次回以降の改修事業で活用予定,④データを計測していない"</formula1>
    </dataValidation>
    <dataValidation allowBlank="1" showInputMessage="1" showErrorMessage="1" prompt="その他の技術等を選択した場合は上記以外の省エネ技術（パッシブ技術）等を具体的に記入" sqref="G22:I22 G67:I67" xr:uid="{00000000-0002-0000-1700-00000B000000}"/>
    <dataValidation allowBlank="1" showInputMessage="1" showErrorMessage="1" prompt="その他の技術等を選択した場合は上記以外の省エネ技術（アクティブ技術）等を具体的に記入" sqref="G37:I37 G82:I82" xr:uid="{00000000-0002-0000-1700-00000C000000}"/>
    <dataValidation allowBlank="1" showInputMessage="1" showErrorMessage="1" prompt="その他の技術等を選択した場合はその他の省エネに資する技術等を具体的に記入" sqref="G46:I46 G91:I91" xr:uid="{00000000-0002-0000-1700-00000D000000}"/>
    <dataValidation type="list" allowBlank="1" showInputMessage="1" showErrorMessage="1" prompt="主な建物用途を１つ選択" sqref="G13:I13 G58:I58" xr:uid="{00000000-0002-0000-1700-00000E000000}">
      <formula1>"一般事務庁舎,合同庁舎,宿泊施設,試験研究施設,病院,大学・高専,その他"</formula1>
    </dataValidation>
  </dataValidations>
  <printOptions horizontalCentered="1"/>
  <pageMargins left="0.59055118110236227" right="0.59055118110236227" top="0.47244094488188981" bottom="0.35433070866141736" header="0.31496062992125984" footer="0.31496062992125984"/>
  <pageSetup paperSize="9" fitToHeight="0" orientation="portrait" r:id="rId1"/>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1">
    <pageSetUpPr fitToPage="1"/>
  </sheetPr>
  <dimension ref="A1:M30"/>
  <sheetViews>
    <sheetView view="pageBreakPreview" zoomScaleNormal="85" zoomScaleSheetLayoutView="100" workbookViewId="0"/>
  </sheetViews>
  <sheetFormatPr defaultRowHeight="13.2"/>
  <cols>
    <col min="1" max="1" width="3.109375" customWidth="1"/>
    <col min="2" max="2" width="16.88671875" customWidth="1"/>
    <col min="3" max="6" width="18.6640625" customWidth="1"/>
    <col min="7" max="7" width="10.6640625" customWidth="1"/>
    <col min="8" max="8" width="61" bestFit="1" customWidth="1"/>
    <col min="9" max="9" width="10.6640625" customWidth="1"/>
  </cols>
  <sheetData>
    <row r="1" spans="1:13" ht="20.100000000000001" customHeight="1">
      <c r="F1" s="91" t="s">
        <v>738</v>
      </c>
    </row>
    <row r="2" spans="1:13" ht="12" customHeight="1">
      <c r="F2" s="317" t="s">
        <v>739</v>
      </c>
    </row>
    <row r="3" spans="1:13" s="54" customFormat="1" ht="19.2">
      <c r="A3" s="1641" t="s">
        <v>1248</v>
      </c>
      <c r="B3" s="1641"/>
      <c r="C3" s="1641"/>
      <c r="D3" s="1641"/>
      <c r="E3" s="1641"/>
      <c r="F3" s="1641"/>
      <c r="G3" s="62"/>
      <c r="H3" s="62"/>
      <c r="I3" s="62"/>
      <c r="J3" s="53"/>
      <c r="K3" s="53"/>
      <c r="L3" s="53"/>
      <c r="M3" s="53"/>
    </row>
    <row r="5" spans="1:13" s="52" customFormat="1">
      <c r="D5" s="94" t="s">
        <v>109</v>
      </c>
      <c r="E5" s="1085" t="str">
        <f>【調達機関情報】!D69</f>
        <v>　</v>
      </c>
      <c r="F5" s="1085"/>
      <c r="H5" s="204"/>
      <c r="I5" s="204"/>
    </row>
    <row r="7" spans="1:13" ht="14.4">
      <c r="A7" s="9"/>
      <c r="B7" s="416" t="s">
        <v>1354</v>
      </c>
      <c r="C7" s="176"/>
    </row>
    <row r="8" spans="1:13" s="176" customFormat="1" ht="12">
      <c r="A8" s="177"/>
      <c r="B8" s="416" t="s">
        <v>1355</v>
      </c>
    </row>
    <row r="9" spans="1:13" ht="16.350000000000001" customHeight="1">
      <c r="A9" s="9"/>
    </row>
    <row r="10" spans="1:13" ht="16.350000000000001" customHeight="1" thickBot="1">
      <c r="A10" s="9" t="s">
        <v>262</v>
      </c>
    </row>
    <row r="11" spans="1:13" s="2" customFormat="1" ht="21" customHeight="1" thickBot="1">
      <c r="A11" s="11"/>
      <c r="B11" s="1642" t="s">
        <v>260</v>
      </c>
      <c r="C11" s="1643"/>
      <c r="D11" s="1643"/>
      <c r="E11" s="1643"/>
      <c r="F11" s="1644"/>
    </row>
    <row r="12" spans="1:13" s="2" customFormat="1" ht="15" thickTop="1">
      <c r="A12" s="11"/>
      <c r="B12" s="1638" t="s">
        <v>325</v>
      </c>
      <c r="C12" s="205" t="s">
        <v>603</v>
      </c>
      <c r="D12" s="70" t="s">
        <v>405</v>
      </c>
      <c r="E12" s="197" t="s">
        <v>406</v>
      </c>
      <c r="F12" s="71" t="s">
        <v>407</v>
      </c>
      <c r="H12" s="250"/>
    </row>
    <row r="13" spans="1:13" ht="14.25" customHeight="1">
      <c r="A13" s="9"/>
      <c r="B13" s="1639"/>
      <c r="C13" s="199" t="s">
        <v>250</v>
      </c>
      <c r="D13" s="1645" t="s">
        <v>612</v>
      </c>
      <c r="E13" s="1647" t="s">
        <v>610</v>
      </c>
      <c r="F13" s="1649" t="s">
        <v>611</v>
      </c>
    </row>
    <row r="14" spans="1:13" ht="27" customHeight="1">
      <c r="A14" s="9"/>
      <c r="B14" s="1640"/>
      <c r="C14" s="200" t="s">
        <v>89</v>
      </c>
      <c r="D14" s="1646"/>
      <c r="E14" s="1648"/>
      <c r="F14" s="1650"/>
    </row>
    <row r="15" spans="1:13" ht="27" customHeight="1">
      <c r="A15" s="9"/>
      <c r="B15" s="214" t="s">
        <v>263</v>
      </c>
      <c r="C15" s="241">
        <f>SUM(D15:F15)</f>
        <v>0</v>
      </c>
      <c r="D15" s="242">
        <f t="array" ref="D15">SUM( ('【5-2】産廃（詳細）'!$R$17:$R$5003=$B15) * ('【5-2】産廃（詳細）'!$U$17:$U$5003="A") )</f>
        <v>0</v>
      </c>
      <c r="E15" s="243">
        <f t="array" ref="E15">SUM( ('【5-2】産廃（詳細）'!$R$17:$R$5003=$B15) * ('【5-2】産廃（詳細）'!$U$17:$U$5003="B") )</f>
        <v>0</v>
      </c>
      <c r="F15" s="244">
        <f t="array" ref="F15">SUM( ('【5-2】産廃（詳細）'!$R$17:$R$5003=$B15) * ('【5-2】産廃（詳細）'!$U$17:$U$5003="C") )</f>
        <v>0</v>
      </c>
    </row>
    <row r="16" spans="1:13" ht="27" customHeight="1">
      <c r="A16" s="9"/>
      <c r="B16" s="214" t="s">
        <v>283</v>
      </c>
      <c r="C16" s="241">
        <f>SUM(D16:F16)</f>
        <v>0</v>
      </c>
      <c r="D16" s="242">
        <f t="array" ref="D16">SUM( ('【5-2】産廃（詳細）'!$R$17:$R$5003=$B16) * ('【5-2】産廃（詳細）'!$U$17:$U$5003="A") )</f>
        <v>0</v>
      </c>
      <c r="E16" s="243">
        <f t="array" ref="E16">SUM( ('【5-2】産廃（詳細）'!$R$17:$R$5003=$B16) * ('【5-2】産廃（詳細）'!$U$17:$U$5003="B") )</f>
        <v>0</v>
      </c>
      <c r="F16" s="244">
        <f t="array" ref="F16">SUM( ('【5-2】産廃（詳細）'!$R$17:$R$5003=$B16) * ('【5-2】産廃（詳細）'!$U$17:$U$5003="C") )</f>
        <v>0</v>
      </c>
    </row>
    <row r="17" spans="1:8" ht="27" customHeight="1">
      <c r="A17" s="9"/>
      <c r="B17" s="214" t="s">
        <v>281</v>
      </c>
      <c r="C17" s="241">
        <f>SUM(D17:F17)</f>
        <v>0</v>
      </c>
      <c r="D17" s="242">
        <f t="array" ref="D17">SUM( ('【5-2】産廃（詳細）'!$R$17:$R$5003=$B17) * ('【5-2】産廃（詳細）'!$U$17:$U$5003="A") )</f>
        <v>0</v>
      </c>
      <c r="E17" s="243">
        <f t="array" ref="E17">SUM( ('【5-2】産廃（詳細）'!$R$17:$R$5003=$B17) * ('【5-2】産廃（詳細）'!$U$17:$U$5003="B") )</f>
        <v>0</v>
      </c>
      <c r="F17" s="244">
        <f t="array" ref="F17">SUM( ('【5-2】産廃（詳細）'!$R$17:$R$5003=$B17) * ('【5-2】産廃（詳細）'!$U$17:$U$5003="C") )</f>
        <v>0</v>
      </c>
    </row>
    <row r="18" spans="1:8" ht="27" customHeight="1" thickBot="1">
      <c r="B18" s="213" t="s">
        <v>7</v>
      </c>
      <c r="C18" s="245">
        <f>SUM(C15:C17)</f>
        <v>0</v>
      </c>
      <c r="D18" s="246">
        <f>SUM(D15:D17)</f>
        <v>0</v>
      </c>
      <c r="E18" s="247">
        <f>SUM(E15:E17)</f>
        <v>0</v>
      </c>
      <c r="F18" s="248">
        <f>SUM(F15:F17)</f>
        <v>0</v>
      </c>
    </row>
    <row r="20" spans="1:8" ht="15" thickBot="1">
      <c r="A20" s="9" t="s">
        <v>264</v>
      </c>
    </row>
    <row r="21" spans="1:8" s="2" customFormat="1" ht="21" customHeight="1" thickBot="1">
      <c r="A21" s="11"/>
      <c r="B21" s="1642" t="s">
        <v>294</v>
      </c>
      <c r="C21" s="1643"/>
      <c r="D21" s="1643"/>
      <c r="E21" s="1643"/>
      <c r="F21" s="1644"/>
    </row>
    <row r="22" spans="1:8" s="2" customFormat="1" ht="15" thickTop="1">
      <c r="A22" s="11"/>
      <c r="B22" s="1638" t="s">
        <v>325</v>
      </c>
      <c r="C22" s="205" t="s">
        <v>603</v>
      </c>
      <c r="D22" s="70" t="s">
        <v>405</v>
      </c>
      <c r="E22" s="197" t="s">
        <v>406</v>
      </c>
      <c r="F22" s="71" t="s">
        <v>407</v>
      </c>
    </row>
    <row r="23" spans="1:8" ht="14.25" customHeight="1">
      <c r="A23" s="9"/>
      <c r="B23" s="1639"/>
      <c r="C23" s="199" t="s">
        <v>250</v>
      </c>
      <c r="D23" s="1645" t="s">
        <v>612</v>
      </c>
      <c r="E23" s="1647" t="s">
        <v>610</v>
      </c>
      <c r="F23" s="1649" t="s">
        <v>611</v>
      </c>
    </row>
    <row r="24" spans="1:8" ht="27" customHeight="1">
      <c r="A24" s="9"/>
      <c r="B24" s="1640"/>
      <c r="C24" s="200" t="s">
        <v>89</v>
      </c>
      <c r="D24" s="1646"/>
      <c r="E24" s="1648"/>
      <c r="F24" s="1650"/>
    </row>
    <row r="25" spans="1:8" ht="27" customHeight="1">
      <c r="A25" s="9"/>
      <c r="B25" s="214" t="s">
        <v>263</v>
      </c>
      <c r="C25" s="233">
        <f>SUM(D25:F25)</f>
        <v>0</v>
      </c>
      <c r="D25" s="234">
        <f t="array" ref="D25">SUM( ('【5-2】産廃（詳細）'!$R$17:$R$5003=$B25) * ('【5-2】産廃（詳細）'!$U$17:$U$5003="A") * ('【5-2】産廃（詳細）'!$H$17:$H$5003) )</f>
        <v>0</v>
      </c>
      <c r="E25" s="235">
        <f t="array" ref="E25">SUM( ('【5-2】産廃（詳細）'!$R$17:$R$5003=$B25) * ('【5-2】産廃（詳細）'!$U$17:$U$5003="B") * ('【5-2】産廃（詳細）'!$H$17:$H$5003) )</f>
        <v>0</v>
      </c>
      <c r="F25" s="236">
        <f t="array" ref="F25">SUM( ('【5-2】産廃（詳細）'!$R$17:$R$5003=$B25) * ('【5-2】産廃（詳細）'!$U$17:$U$5003="C") * ('【5-2】産廃（詳細）'!$H$17:$H$5003) )</f>
        <v>0</v>
      </c>
      <c r="H25" s="249"/>
    </row>
    <row r="26" spans="1:8" ht="27" customHeight="1">
      <c r="A26" s="9"/>
      <c r="B26" s="214" t="s">
        <v>283</v>
      </c>
      <c r="C26" s="233">
        <f>SUM(D26:F26)</f>
        <v>0</v>
      </c>
      <c r="D26" s="234">
        <f t="array" ref="D26">SUM( ('【5-2】産廃（詳細）'!$R$17:$R$5003=$B26) * ('【5-2】産廃（詳細）'!$U$17:$U$5003="A") * ('【5-2】産廃（詳細）'!$H$17:$H$5003) )</f>
        <v>0</v>
      </c>
      <c r="E26" s="235">
        <f t="array" ref="E26">SUM( ('【5-2】産廃（詳細）'!$R$17:$R$5003=$B26) * ('【5-2】産廃（詳細）'!$U$17:$U$5003="B") * ('【5-2】産廃（詳細）'!$H$17:$H$5003) )</f>
        <v>0</v>
      </c>
      <c r="F26" s="236">
        <f t="array" ref="F26">SUM( ('【5-2】産廃（詳細）'!$R$17:$R$5003=$B26) * ('【5-2】産廃（詳細）'!$U$17:$U$5003="C") * ('【5-2】産廃（詳細）'!$H$17:$H$5003) )</f>
        <v>0</v>
      </c>
    </row>
    <row r="27" spans="1:8" ht="27" customHeight="1" thickBot="1">
      <c r="A27" s="9"/>
      <c r="B27" s="215" t="s">
        <v>281</v>
      </c>
      <c r="C27" s="237">
        <f>SUM(D27:F27)</f>
        <v>0</v>
      </c>
      <c r="D27" s="238">
        <f t="array" ref="D27">SUM( ('【5-2】産廃（詳細）'!$R$17:$R$5003=$B27) * ('【5-2】産廃（詳細）'!$U$17:$U$5003="A") * ('【5-2】産廃（詳細）'!$H$17:$H$5003) )</f>
        <v>0</v>
      </c>
      <c r="E27" s="239">
        <f t="array" ref="E27">SUM( ('【5-2】産廃（詳細）'!$R$17:$R$5003=$B27) * ('【5-2】産廃（詳細）'!$U$17:$U$5003="B") * ('【5-2】産廃（詳細）'!$H$17:$H$5003) )</f>
        <v>0</v>
      </c>
      <c r="F27" s="240">
        <f t="array" ref="F27">SUM( ('【5-2】産廃（詳細）'!$R$17:$R$5003=$B27) * ('【5-2】産廃（詳細）'!$U$17:$U$5003="C") * ('【5-2】産廃（詳細）'!$H$17:$H$5003) )</f>
        <v>0</v>
      </c>
    </row>
    <row r="30" spans="1:8" ht="13.5" customHeight="1"/>
  </sheetData>
  <sheetProtection selectLockedCells="1" selectUnlockedCells="1"/>
  <customSheetViews>
    <customSheetView guid="{96F83B05-D121-40EB-85BB-212F4250A2EA}" showPageBreaks="1" fitToPage="1" printArea="1">
      <selection activeCell="F1" sqref="F1"/>
      <pageMargins left="0.55118110236220474" right="0.55118110236220474" top="0.98425196850393704" bottom="0.98425196850393704" header="0.51181102362204722" footer="0.51181102362204722"/>
      <pageSetup paperSize="9" scale="98" orientation="portrait" r:id="rId1"/>
      <headerFooter alignWithMargins="0"/>
    </customSheetView>
    <customSheetView guid="{0199004E-6640-4BE5-B2D5-6A0A715378D4}" fitToPage="1">
      <pageMargins left="0.55118110236220474" right="0.55118110236220474" top="0.98425196850393704" bottom="0.98425196850393704" header="0.51181102362204722" footer="0.51181102362204722"/>
      <pageSetup paperSize="9" scale="98" orientation="portrait" r:id="rId2"/>
      <headerFooter alignWithMargins="0"/>
    </customSheetView>
  </customSheetViews>
  <mergeCells count="12">
    <mergeCell ref="B22:B24"/>
    <mergeCell ref="E5:F5"/>
    <mergeCell ref="A3:F3"/>
    <mergeCell ref="B21:F21"/>
    <mergeCell ref="D23:D24"/>
    <mergeCell ref="E23:E24"/>
    <mergeCell ref="F23:F24"/>
    <mergeCell ref="B11:F11"/>
    <mergeCell ref="D13:D14"/>
    <mergeCell ref="E13:E14"/>
    <mergeCell ref="F13:F14"/>
    <mergeCell ref="B12:B14"/>
  </mergeCells>
  <phoneticPr fontId="7"/>
  <pageMargins left="0.55118110236220474" right="0.55118110236220474" top="0.98425196850393704" bottom="0.98425196850393704" header="0.51181102362204722" footer="0.51181102362204722"/>
  <pageSetup paperSize="9" scale="98" orientation="portrait" r:id="rId3"/>
  <headerFooter alignWithMargins="0"/>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22">
    <pageSetUpPr fitToPage="1"/>
  </sheetPr>
  <dimension ref="A1:AR48"/>
  <sheetViews>
    <sheetView view="pageBreakPreview" zoomScale="70" zoomScaleNormal="70" zoomScaleSheetLayoutView="70" workbookViewId="0"/>
  </sheetViews>
  <sheetFormatPr defaultRowHeight="13.2"/>
  <cols>
    <col min="1" max="1" width="1.88671875" customWidth="1"/>
    <col min="2" max="2" width="6" bestFit="1" customWidth="1"/>
    <col min="3" max="3" width="24.109375" customWidth="1"/>
    <col min="4" max="6" width="11.88671875" customWidth="1"/>
    <col min="7" max="8" width="11" customWidth="1"/>
    <col min="9" max="17" width="9.77734375" customWidth="1"/>
    <col min="18" max="18" width="11" customWidth="1"/>
    <col min="19" max="19" width="9" style="297" customWidth="1"/>
    <col min="21" max="21" width="13.77734375" customWidth="1"/>
    <col min="22" max="27" width="7.109375" customWidth="1"/>
    <col min="28" max="35" width="4.6640625" customWidth="1"/>
    <col min="36" max="36" width="14.6640625" customWidth="1"/>
    <col min="37" max="37" width="4.33203125" bestFit="1" customWidth="1"/>
    <col min="38" max="38" width="6.109375" bestFit="1" customWidth="1"/>
    <col min="39" max="39" width="4.33203125" bestFit="1" customWidth="1"/>
    <col min="40" max="41" width="6.109375" bestFit="1" customWidth="1"/>
    <col min="42" max="42" width="24.44140625" bestFit="1" customWidth="1"/>
    <col min="44" max="44" width="8.88671875" hidden="1" customWidth="1"/>
  </cols>
  <sheetData>
    <row r="1" spans="1:44">
      <c r="AP1" s="91" t="s">
        <v>737</v>
      </c>
    </row>
    <row r="2" spans="1:44">
      <c r="AR2" t="s">
        <v>431</v>
      </c>
    </row>
    <row r="3" spans="1:44" s="54" customFormat="1" ht="19.2">
      <c r="A3" s="62" t="s">
        <v>1249</v>
      </c>
      <c r="B3" s="62"/>
      <c r="C3" s="62"/>
      <c r="D3" s="62"/>
      <c r="E3" s="62"/>
      <c r="F3" s="62"/>
      <c r="G3" s="62"/>
      <c r="H3" s="62"/>
      <c r="I3" s="62"/>
      <c r="J3" s="62"/>
      <c r="K3" s="62"/>
      <c r="L3" s="62"/>
      <c r="M3" s="62"/>
      <c r="N3" s="62"/>
      <c r="O3" s="62"/>
      <c r="P3" s="62"/>
      <c r="Q3" s="62"/>
      <c r="R3" s="62"/>
      <c r="S3" s="299"/>
      <c r="T3" s="62"/>
      <c r="U3" s="62"/>
      <c r="V3" s="62"/>
      <c r="W3" s="62"/>
      <c r="X3" s="62"/>
      <c r="Y3" s="62"/>
      <c r="Z3" s="62"/>
      <c r="AA3" s="62"/>
      <c r="AB3" s="62"/>
      <c r="AC3" s="62"/>
      <c r="AD3" s="62"/>
      <c r="AE3" s="62"/>
      <c r="AF3" s="62"/>
      <c r="AG3" s="62"/>
      <c r="AH3" s="62"/>
      <c r="AI3" s="62"/>
      <c r="AJ3" s="62"/>
      <c r="AK3" s="62"/>
      <c r="AL3" s="62"/>
      <c r="AM3" s="62"/>
      <c r="AN3" s="62"/>
      <c r="AO3" s="62"/>
      <c r="AP3" s="62"/>
      <c r="AR3" s="54" t="s">
        <v>432</v>
      </c>
    </row>
    <row r="4" spans="1:44" s="54" customFormat="1" ht="19.2">
      <c r="A4" s="62"/>
      <c r="B4" s="62"/>
      <c r="C4" s="62"/>
      <c r="D4" s="62"/>
      <c r="E4" s="62"/>
      <c r="F4" s="62"/>
      <c r="G4" s="62"/>
      <c r="H4" s="62"/>
      <c r="I4" s="62"/>
      <c r="J4" s="62"/>
      <c r="K4" s="62"/>
      <c r="L4" s="62"/>
      <c r="M4" s="62"/>
      <c r="N4" s="62"/>
      <c r="O4" s="62"/>
      <c r="P4" s="62"/>
      <c r="Q4" s="62"/>
      <c r="R4" s="62"/>
      <c r="S4" s="299"/>
      <c r="T4" s="62"/>
      <c r="U4" s="62"/>
      <c r="V4" s="62"/>
      <c r="W4" s="62"/>
      <c r="X4" s="62"/>
      <c r="Y4" s="62"/>
      <c r="Z4" s="62"/>
      <c r="AA4" s="62"/>
      <c r="AB4" s="62"/>
      <c r="AC4" s="62"/>
      <c r="AD4" s="62"/>
      <c r="AE4" s="62"/>
      <c r="AF4" s="62"/>
      <c r="AG4" s="62"/>
      <c r="AH4" s="62"/>
      <c r="AI4" s="62"/>
      <c r="AJ4" s="62"/>
      <c r="AK4" s="62"/>
      <c r="AL4" s="62"/>
      <c r="AM4" s="62"/>
      <c r="AN4" s="62"/>
      <c r="AO4" s="62"/>
      <c r="AP4" s="62"/>
      <c r="AR4" s="54" t="s">
        <v>433</v>
      </c>
    </row>
    <row r="5" spans="1:44" s="231" customFormat="1">
      <c r="A5" s="230"/>
      <c r="B5" s="230"/>
      <c r="C5" s="230"/>
      <c r="D5" s="230"/>
      <c r="E5" s="230"/>
      <c r="F5" s="230"/>
      <c r="G5" s="230"/>
      <c r="H5" s="230"/>
      <c r="I5" s="230"/>
      <c r="J5" s="230"/>
      <c r="K5" s="230"/>
      <c r="L5" s="230"/>
      <c r="M5" s="230"/>
      <c r="N5" s="230"/>
      <c r="O5" s="230"/>
      <c r="P5" s="230"/>
      <c r="Q5" s="230"/>
      <c r="R5" s="230"/>
      <c r="S5" s="300"/>
      <c r="T5" s="230"/>
      <c r="U5" s="232" t="s">
        <v>91</v>
      </c>
      <c r="V5" s="1651" t="str">
        <f>【調達機関情報】!D69</f>
        <v>　</v>
      </c>
      <c r="W5" s="1651"/>
      <c r="X5" s="1651"/>
      <c r="Y5" s="1651"/>
      <c r="Z5" s="1651"/>
      <c r="AA5" s="1651"/>
      <c r="AB5" s="1651"/>
      <c r="AC5" s="1651"/>
      <c r="AD5" s="1651"/>
      <c r="AE5" s="1651"/>
      <c r="AF5" s="1651"/>
      <c r="AG5" s="1651"/>
      <c r="AH5" s="1651"/>
      <c r="AI5" s="1651"/>
      <c r="AJ5" s="1651"/>
      <c r="AK5" s="1651"/>
      <c r="AL5" s="1651"/>
      <c r="AM5" s="1651"/>
      <c r="AN5" s="1651"/>
      <c r="AO5" s="1651"/>
      <c r="AP5" s="1652"/>
      <c r="AR5" s="231" t="s">
        <v>434</v>
      </c>
    </row>
    <row r="6" spans="1:44" s="231" customFormat="1">
      <c r="A6" s="230"/>
      <c r="B6" s="230"/>
      <c r="C6" s="230"/>
      <c r="D6" s="230"/>
      <c r="E6" s="230"/>
      <c r="F6" s="230"/>
      <c r="G6" s="230"/>
      <c r="H6" s="230"/>
      <c r="I6" s="230"/>
      <c r="J6" s="230"/>
      <c r="K6" s="230"/>
      <c r="L6" s="230"/>
      <c r="M6" s="230"/>
      <c r="N6" s="230"/>
      <c r="O6" s="230"/>
      <c r="P6" s="230"/>
      <c r="Q6" s="230"/>
      <c r="R6" s="230"/>
      <c r="S6" s="300"/>
      <c r="T6" s="230"/>
      <c r="U6" s="230"/>
      <c r="V6" s="230"/>
      <c r="W6" s="230"/>
      <c r="X6" s="230"/>
      <c r="Y6" s="230"/>
      <c r="Z6" s="230"/>
      <c r="AA6" s="230"/>
      <c r="AB6" s="230"/>
      <c r="AC6" s="230"/>
      <c r="AD6" s="230"/>
      <c r="AE6" s="230"/>
      <c r="AF6" s="230"/>
      <c r="AG6" s="230"/>
      <c r="AH6" s="230"/>
      <c r="AI6" s="230"/>
      <c r="AJ6" s="230"/>
      <c r="AK6" s="230"/>
      <c r="AL6" s="230"/>
      <c r="AM6" s="230"/>
      <c r="AN6" s="230"/>
      <c r="AO6" s="230"/>
      <c r="AP6" s="230"/>
      <c r="AR6" s="231" t="s">
        <v>435</v>
      </c>
    </row>
    <row r="7" spans="1:44" ht="69.599999999999994" customHeight="1">
      <c r="B7" s="1055" t="s">
        <v>1357</v>
      </c>
      <c r="C7" s="1055"/>
      <c r="D7" s="1055"/>
      <c r="E7" s="1055"/>
      <c r="F7" s="1055"/>
      <c r="G7" s="1055"/>
      <c r="H7" s="1055"/>
      <c r="I7" s="1055"/>
      <c r="J7" s="1055"/>
      <c r="K7" s="1055"/>
      <c r="L7" s="1055"/>
      <c r="M7" s="1055"/>
      <c r="N7" s="1055"/>
      <c r="O7" s="1055"/>
      <c r="P7" s="1055"/>
      <c r="Q7" s="1055"/>
      <c r="R7" s="1055"/>
      <c r="S7" s="1055"/>
      <c r="T7" s="1055"/>
      <c r="U7" s="1055"/>
      <c r="V7" s="1055"/>
      <c r="W7" s="1055"/>
      <c r="X7" s="1055"/>
      <c r="Y7" s="1055"/>
      <c r="Z7" s="249"/>
      <c r="AA7" s="249"/>
      <c r="AB7" s="249"/>
      <c r="AC7" s="249"/>
      <c r="AD7" s="249"/>
      <c r="AE7" s="249"/>
      <c r="AF7" s="249"/>
      <c r="AG7" s="249"/>
      <c r="AH7" s="249"/>
      <c r="AI7" s="249"/>
      <c r="AJ7" s="249"/>
      <c r="AK7" s="249"/>
      <c r="AL7" s="249"/>
      <c r="AM7" s="249"/>
      <c r="AN7" s="249"/>
      <c r="AO7" s="249"/>
      <c r="AP7" s="249"/>
      <c r="AR7" t="s">
        <v>436</v>
      </c>
    </row>
    <row r="8" spans="1:44" ht="13.8" thickBot="1">
      <c r="B8" t="s">
        <v>408</v>
      </c>
      <c r="C8" s="249"/>
      <c r="D8" s="249"/>
      <c r="E8" s="249"/>
      <c r="F8" s="249"/>
      <c r="G8" s="249"/>
      <c r="H8" s="249"/>
      <c r="I8" s="249"/>
      <c r="J8" s="249"/>
      <c r="K8" s="249"/>
      <c r="L8" s="249"/>
      <c r="M8" s="249"/>
      <c r="N8" s="249"/>
      <c r="O8" s="249"/>
      <c r="P8" s="249"/>
      <c r="Q8" s="249"/>
      <c r="R8" s="249"/>
      <c r="S8" s="249"/>
      <c r="T8" s="249"/>
      <c r="U8" s="249"/>
      <c r="V8" s="249"/>
      <c r="W8" s="249"/>
      <c r="X8" s="249"/>
      <c r="Y8" s="249"/>
      <c r="Z8" s="249"/>
      <c r="AA8" s="249"/>
      <c r="AB8" s="249"/>
      <c r="AC8" s="249"/>
      <c r="AD8" s="249"/>
      <c r="AE8" s="249"/>
      <c r="AF8" s="249"/>
      <c r="AG8" s="249"/>
      <c r="AH8" s="249"/>
      <c r="AI8" s="249"/>
      <c r="AJ8" s="249"/>
      <c r="AK8" s="249"/>
      <c r="AL8" s="249"/>
      <c r="AM8" s="249"/>
      <c r="AN8" s="249"/>
      <c r="AO8" s="249"/>
      <c r="AP8" s="249"/>
      <c r="AR8" t="s">
        <v>437</v>
      </c>
    </row>
    <row r="9" spans="1:44" s="14" customFormat="1" ht="13.8" thickBot="1">
      <c r="B9" s="417" t="s">
        <v>846</v>
      </c>
      <c r="C9" s="210"/>
      <c r="D9" s="210"/>
      <c r="E9" s="210"/>
      <c r="F9" s="210"/>
      <c r="G9" s="210"/>
      <c r="H9" s="328"/>
      <c r="I9" s="230"/>
      <c r="J9" s="230"/>
      <c r="K9" s="230"/>
      <c r="L9" s="230"/>
      <c r="M9" s="230"/>
      <c r="N9" s="230"/>
      <c r="O9" s="230"/>
      <c r="P9" s="230"/>
      <c r="Q9" s="230"/>
      <c r="R9" s="207"/>
      <c r="S9" s="301"/>
      <c r="T9" s="207"/>
      <c r="U9" s="207"/>
      <c r="AR9" s="14" t="s">
        <v>438</v>
      </c>
    </row>
    <row r="10" spans="1:44" s="179" customFormat="1" ht="10.8">
      <c r="S10" s="302" t="s">
        <v>409</v>
      </c>
      <c r="AR10" s="179" t="s">
        <v>439</v>
      </c>
    </row>
    <row r="11" spans="1:44" s="178" customFormat="1" ht="24" customHeight="1">
      <c r="B11" s="1655" t="s">
        <v>90</v>
      </c>
      <c r="C11" s="1655" t="s">
        <v>253</v>
      </c>
      <c r="D11" s="1655" t="s">
        <v>255</v>
      </c>
      <c r="E11" s="1653" t="s">
        <v>481</v>
      </c>
      <c r="F11" s="1653" t="s">
        <v>257</v>
      </c>
      <c r="G11" s="1655" t="s">
        <v>1215</v>
      </c>
      <c r="H11" s="1656" t="s">
        <v>1326</v>
      </c>
      <c r="I11" s="908"/>
      <c r="J11" s="908"/>
      <c r="K11" s="908"/>
      <c r="L11" s="908"/>
      <c r="M11" s="908"/>
      <c r="N11" s="908"/>
      <c r="O11" s="908"/>
      <c r="P11" s="908"/>
      <c r="Q11" s="1657"/>
      <c r="R11" s="1653" t="s">
        <v>258</v>
      </c>
      <c r="S11" s="1661" t="s">
        <v>382</v>
      </c>
      <c r="T11" s="1655" t="s">
        <v>187</v>
      </c>
      <c r="U11" s="1655" t="s">
        <v>256</v>
      </c>
      <c r="V11" s="1656" t="s">
        <v>259</v>
      </c>
      <c r="W11" s="1662"/>
      <c r="X11" s="1662"/>
      <c r="Y11" s="1662"/>
      <c r="Z11" s="1663"/>
      <c r="AA11" s="1664" t="s">
        <v>392</v>
      </c>
      <c r="AB11" s="1665"/>
      <c r="AC11" s="1665"/>
      <c r="AD11" s="1665"/>
      <c r="AE11" s="1665"/>
      <c r="AF11" s="1665"/>
      <c r="AG11" s="1665"/>
      <c r="AH11" s="1665"/>
      <c r="AI11" s="1665"/>
      <c r="AJ11" s="1666"/>
      <c r="AK11" s="1664" t="s">
        <v>441</v>
      </c>
      <c r="AL11" s="1665"/>
      <c r="AM11" s="1665"/>
      <c r="AN11" s="1665"/>
      <c r="AO11" s="1665"/>
      <c r="AP11" s="1666"/>
      <c r="AR11" s="178" t="s">
        <v>440</v>
      </c>
    </row>
    <row r="12" spans="1:44" s="178" customFormat="1" ht="113.25" customHeight="1">
      <c r="B12" s="1655"/>
      <c r="C12" s="1655"/>
      <c r="D12" s="1655"/>
      <c r="E12" s="1654"/>
      <c r="F12" s="1654"/>
      <c r="G12" s="1655"/>
      <c r="H12" s="202" t="s">
        <v>1224</v>
      </c>
      <c r="I12" s="780" t="s">
        <v>1364</v>
      </c>
      <c r="J12" s="780" t="s">
        <v>1222</v>
      </c>
      <c r="K12" s="781" t="s">
        <v>1216</v>
      </c>
      <c r="L12" s="780" t="s">
        <v>1217</v>
      </c>
      <c r="M12" s="780" t="s">
        <v>1218</v>
      </c>
      <c r="N12" s="780" t="s">
        <v>1219</v>
      </c>
      <c r="O12" s="780" t="s">
        <v>1365</v>
      </c>
      <c r="P12" s="780" t="s">
        <v>1220</v>
      </c>
      <c r="Q12" s="780" t="s">
        <v>1221</v>
      </c>
      <c r="R12" s="1654"/>
      <c r="S12" s="1661"/>
      <c r="T12" s="1655"/>
      <c r="U12" s="1655"/>
      <c r="V12" s="202" t="s">
        <v>7</v>
      </c>
      <c r="W12" s="99" t="s">
        <v>390</v>
      </c>
      <c r="X12" s="99" t="s">
        <v>389</v>
      </c>
      <c r="Y12" s="99" t="s">
        <v>412</v>
      </c>
      <c r="Z12" s="99" t="s">
        <v>391</v>
      </c>
      <c r="AA12" s="306" t="s">
        <v>404</v>
      </c>
      <c r="AB12" s="307" t="s">
        <v>393</v>
      </c>
      <c r="AC12" s="308" t="s">
        <v>394</v>
      </c>
      <c r="AD12" s="309" t="s">
        <v>395</v>
      </c>
      <c r="AE12" s="307" t="s">
        <v>396</v>
      </c>
      <c r="AF12" s="308" t="s">
        <v>397</v>
      </c>
      <c r="AG12" s="308" t="s">
        <v>398</v>
      </c>
      <c r="AH12" s="308" t="s">
        <v>399</v>
      </c>
      <c r="AI12" s="309" t="s">
        <v>400</v>
      </c>
      <c r="AJ12" s="306" t="s">
        <v>402</v>
      </c>
      <c r="AK12" s="347" t="s">
        <v>431</v>
      </c>
      <c r="AL12" s="348" t="s">
        <v>433</v>
      </c>
      <c r="AM12" s="348" t="s">
        <v>434</v>
      </c>
      <c r="AN12" s="348" t="s">
        <v>1367</v>
      </c>
      <c r="AO12" s="348" t="s">
        <v>439</v>
      </c>
      <c r="AP12" s="349" t="s">
        <v>381</v>
      </c>
    </row>
    <row r="13" spans="1:44" s="180" customFormat="1" ht="90" customHeight="1">
      <c r="A13" s="178"/>
      <c r="B13" s="339" t="s">
        <v>189</v>
      </c>
      <c r="C13" s="339" t="s">
        <v>254</v>
      </c>
      <c r="D13" s="339" t="s">
        <v>237</v>
      </c>
      <c r="E13" s="339" t="s">
        <v>604</v>
      </c>
      <c r="F13" s="339"/>
      <c r="G13" s="339" t="s">
        <v>238</v>
      </c>
      <c r="H13" s="340" t="s">
        <v>241</v>
      </c>
      <c r="I13" s="340"/>
      <c r="J13" s="340"/>
      <c r="K13" s="340"/>
      <c r="L13" s="340"/>
      <c r="M13" s="340"/>
      <c r="N13" s="340"/>
      <c r="O13" s="340"/>
      <c r="P13" s="340"/>
      <c r="Q13" s="340" t="s">
        <v>1223</v>
      </c>
      <c r="R13" s="339" t="s">
        <v>240</v>
      </c>
      <c r="S13" s="341" t="s">
        <v>383</v>
      </c>
      <c r="T13" s="339" t="s">
        <v>239</v>
      </c>
      <c r="U13" s="342" t="s">
        <v>1356</v>
      </c>
      <c r="V13" s="339" t="s">
        <v>188</v>
      </c>
      <c r="W13" s="1667" t="s">
        <v>413</v>
      </c>
      <c r="X13" s="1668"/>
      <c r="Y13" s="1668"/>
      <c r="Z13" s="1669"/>
      <c r="AA13" s="339"/>
      <c r="AB13" s="1667" t="s">
        <v>401</v>
      </c>
      <c r="AC13" s="1668"/>
      <c r="AD13" s="1668"/>
      <c r="AE13" s="1668"/>
      <c r="AF13" s="1668"/>
      <c r="AG13" s="1668"/>
      <c r="AH13" s="1668"/>
      <c r="AI13" s="1669"/>
      <c r="AJ13" s="339"/>
      <c r="AK13" s="1658" t="s">
        <v>291</v>
      </c>
      <c r="AL13" s="1659"/>
      <c r="AM13" s="1659"/>
      <c r="AN13" s="1659"/>
      <c r="AO13" s="1659"/>
      <c r="AP13" s="1660"/>
    </row>
    <row r="14" spans="1:44" s="180" customFormat="1" ht="21.6">
      <c r="A14" s="178"/>
      <c r="B14" s="181" t="s">
        <v>190</v>
      </c>
      <c r="C14" s="203" t="s">
        <v>284</v>
      </c>
      <c r="D14" s="181" t="s">
        <v>285</v>
      </c>
      <c r="E14" s="181" t="s">
        <v>605</v>
      </c>
      <c r="F14" s="318" t="s">
        <v>938</v>
      </c>
      <c r="G14" s="181" t="s">
        <v>280</v>
      </c>
      <c r="H14" s="778">
        <f>SUM(I14:Q14)</f>
        <v>118</v>
      </c>
      <c r="I14" s="216"/>
      <c r="J14" s="216"/>
      <c r="K14" s="216">
        <v>25</v>
      </c>
      <c r="L14" s="216">
        <v>5</v>
      </c>
      <c r="M14" s="216">
        <v>18</v>
      </c>
      <c r="N14" s="216"/>
      <c r="O14" s="216"/>
      <c r="P14" s="216">
        <v>30</v>
      </c>
      <c r="Q14" s="216">
        <v>40</v>
      </c>
      <c r="R14" s="181" t="s">
        <v>288</v>
      </c>
      <c r="S14" s="303" t="s">
        <v>384</v>
      </c>
      <c r="T14" s="181" t="s">
        <v>289</v>
      </c>
      <c r="U14" s="181" t="s">
        <v>249</v>
      </c>
      <c r="V14" s="181">
        <v>3</v>
      </c>
      <c r="W14" s="181">
        <v>2</v>
      </c>
      <c r="X14" s="355">
        <v>1</v>
      </c>
      <c r="Y14" s="181">
        <v>1</v>
      </c>
      <c r="Z14" s="181">
        <v>0</v>
      </c>
      <c r="AA14" s="181" t="s">
        <v>403</v>
      </c>
      <c r="AB14" s="310"/>
      <c r="AC14" s="311"/>
      <c r="AD14" s="312"/>
      <c r="AE14" s="310"/>
      <c r="AF14" s="311"/>
      <c r="AG14" s="311"/>
      <c r="AH14" s="311"/>
      <c r="AI14" s="312"/>
      <c r="AJ14" s="181"/>
      <c r="AK14" s="310"/>
      <c r="AL14" s="311"/>
      <c r="AM14" s="311"/>
      <c r="AN14" s="311"/>
      <c r="AO14" s="311"/>
      <c r="AP14" s="312"/>
    </row>
    <row r="15" spans="1:44" s="180" customFormat="1" ht="21.6">
      <c r="A15" s="178"/>
      <c r="B15" s="181" t="s">
        <v>191</v>
      </c>
      <c r="C15" s="203" t="s">
        <v>606</v>
      </c>
      <c r="D15" s="181" t="s">
        <v>286</v>
      </c>
      <c r="E15" s="181" t="s">
        <v>607</v>
      </c>
      <c r="F15" s="318" t="s">
        <v>938</v>
      </c>
      <c r="G15" s="181" t="s">
        <v>280</v>
      </c>
      <c r="H15" s="778">
        <f>SUM(I15:Q15)</f>
        <v>182</v>
      </c>
      <c r="I15" s="216"/>
      <c r="J15" s="216">
        <v>44</v>
      </c>
      <c r="K15" s="216">
        <v>13</v>
      </c>
      <c r="L15" s="216"/>
      <c r="M15" s="216">
        <v>33</v>
      </c>
      <c r="N15" s="216">
        <v>22</v>
      </c>
      <c r="O15" s="216">
        <v>15</v>
      </c>
      <c r="P15" s="216">
        <v>55</v>
      </c>
      <c r="Q15" s="216"/>
      <c r="R15" s="181" t="s">
        <v>282</v>
      </c>
      <c r="S15" s="303" t="s">
        <v>385</v>
      </c>
      <c r="T15" s="181" t="s">
        <v>289</v>
      </c>
      <c r="U15" s="181" t="s">
        <v>277</v>
      </c>
      <c r="V15" s="181">
        <v>4</v>
      </c>
      <c r="W15" s="181">
        <v>2</v>
      </c>
      <c r="X15" s="181">
        <v>0</v>
      </c>
      <c r="Y15" s="181">
        <v>2</v>
      </c>
      <c r="Z15" s="181">
        <v>0</v>
      </c>
      <c r="AA15" s="181"/>
      <c r="AB15" s="310" t="s">
        <v>403</v>
      </c>
      <c r="AC15" s="311" t="s">
        <v>403</v>
      </c>
      <c r="AD15" s="312"/>
      <c r="AE15" s="310" t="s">
        <v>403</v>
      </c>
      <c r="AF15" s="311"/>
      <c r="AG15" s="311" t="s">
        <v>403</v>
      </c>
      <c r="AH15" s="311"/>
      <c r="AI15" s="312" t="s">
        <v>403</v>
      </c>
      <c r="AJ15" s="181"/>
      <c r="AK15" s="310" t="s">
        <v>197</v>
      </c>
      <c r="AL15" s="311"/>
      <c r="AM15" s="311"/>
      <c r="AN15" s="311"/>
      <c r="AO15" s="311"/>
      <c r="AP15" s="350"/>
    </row>
    <row r="16" spans="1:44" s="180" customFormat="1" ht="21.6">
      <c r="A16" s="178"/>
      <c r="B16" s="181" t="s">
        <v>198</v>
      </c>
      <c r="C16" s="203" t="s">
        <v>608</v>
      </c>
      <c r="D16" s="181" t="s">
        <v>287</v>
      </c>
      <c r="E16" s="181" t="s">
        <v>609</v>
      </c>
      <c r="F16" s="318" t="s">
        <v>939</v>
      </c>
      <c r="G16" s="181" t="s">
        <v>279</v>
      </c>
      <c r="H16" s="778">
        <v>15</v>
      </c>
      <c r="I16" s="216"/>
      <c r="J16" s="216"/>
      <c r="K16" s="216"/>
      <c r="L16" s="216"/>
      <c r="M16" s="216"/>
      <c r="N16" s="216"/>
      <c r="O16" s="216"/>
      <c r="P16" s="216"/>
      <c r="Q16" s="216"/>
      <c r="R16" s="181" t="s">
        <v>281</v>
      </c>
      <c r="S16" s="303" t="s">
        <v>384</v>
      </c>
      <c r="T16" s="181" t="s">
        <v>290</v>
      </c>
      <c r="U16" s="181" t="s">
        <v>452</v>
      </c>
      <c r="V16" s="181"/>
      <c r="W16" s="181"/>
      <c r="X16" s="181"/>
      <c r="Y16" s="181"/>
      <c r="Z16" s="181"/>
      <c r="AA16" s="181"/>
      <c r="AB16" s="310"/>
      <c r="AC16" s="311"/>
      <c r="AD16" s="312"/>
      <c r="AE16" s="310"/>
      <c r="AF16" s="311"/>
      <c r="AG16" s="311"/>
      <c r="AH16" s="311"/>
      <c r="AI16" s="312"/>
      <c r="AJ16" s="181"/>
      <c r="AK16" s="310"/>
      <c r="AL16" s="311"/>
      <c r="AM16" s="311"/>
      <c r="AN16" s="311"/>
      <c r="AO16" s="311" t="s">
        <v>197</v>
      </c>
      <c r="AP16" s="350"/>
    </row>
    <row r="17" spans="1:44" s="229" customFormat="1" ht="22.5" customHeight="1">
      <c r="A17" s="225"/>
      <c r="B17" s="226">
        <v>1</v>
      </c>
      <c r="C17" s="227"/>
      <c r="D17" s="226"/>
      <c r="E17" s="226"/>
      <c r="F17" s="226"/>
      <c r="G17" s="226"/>
      <c r="H17" s="779">
        <f>SUM(I17:Q17)</f>
        <v>0</v>
      </c>
      <c r="I17" s="228"/>
      <c r="J17" s="228"/>
      <c r="K17" s="228"/>
      <c r="L17" s="228"/>
      <c r="M17" s="228"/>
      <c r="N17" s="228"/>
      <c r="O17" s="228"/>
      <c r="P17" s="228"/>
      <c r="Q17" s="228"/>
      <c r="R17" s="226"/>
      <c r="S17" s="304"/>
      <c r="T17" s="226"/>
      <c r="U17" s="226"/>
      <c r="V17" s="226"/>
      <c r="W17" s="226"/>
      <c r="X17" s="226"/>
      <c r="Y17" s="226"/>
      <c r="Z17" s="226"/>
      <c r="AA17" s="226"/>
      <c r="AB17" s="313"/>
      <c r="AC17" s="314"/>
      <c r="AD17" s="315"/>
      <c r="AE17" s="313"/>
      <c r="AF17" s="314"/>
      <c r="AG17" s="314"/>
      <c r="AH17" s="314"/>
      <c r="AI17" s="315"/>
      <c r="AJ17" s="226"/>
      <c r="AK17" s="313"/>
      <c r="AL17" s="314"/>
      <c r="AM17" s="314"/>
      <c r="AN17" s="314"/>
      <c r="AO17" s="314"/>
      <c r="AP17" s="351"/>
      <c r="AR17" s="343"/>
    </row>
    <row r="18" spans="1:44" s="229" customFormat="1" ht="22.5" customHeight="1">
      <c r="A18" s="225"/>
      <c r="B18" s="226">
        <v>2</v>
      </c>
      <c r="C18" s="227"/>
      <c r="D18" s="226"/>
      <c r="E18" s="226"/>
      <c r="F18" s="226"/>
      <c r="G18" s="226"/>
      <c r="H18" s="779">
        <f t="shared" ref="H18:H44" si="0">SUM(I18:Q18)</f>
        <v>0</v>
      </c>
      <c r="I18" s="228"/>
      <c r="J18" s="228"/>
      <c r="K18" s="228"/>
      <c r="L18" s="228"/>
      <c r="M18" s="228"/>
      <c r="N18" s="228"/>
      <c r="O18" s="228"/>
      <c r="P18" s="228"/>
      <c r="Q18" s="228"/>
      <c r="R18" s="226"/>
      <c r="S18" s="304"/>
      <c r="T18" s="226"/>
      <c r="U18" s="226"/>
      <c r="V18" s="226"/>
      <c r="W18" s="226"/>
      <c r="X18" s="226"/>
      <c r="Y18" s="226"/>
      <c r="Z18" s="226"/>
      <c r="AA18" s="226"/>
      <c r="AB18" s="313"/>
      <c r="AC18" s="314"/>
      <c r="AD18" s="315"/>
      <c r="AE18" s="313"/>
      <c r="AF18" s="314"/>
      <c r="AG18" s="314"/>
      <c r="AH18" s="314"/>
      <c r="AI18" s="315"/>
      <c r="AJ18" s="226"/>
      <c r="AK18" s="313"/>
      <c r="AL18" s="314"/>
      <c r="AM18" s="314"/>
      <c r="AN18" s="314"/>
      <c r="AO18" s="314"/>
      <c r="AP18" s="351"/>
      <c r="AR18" s="343"/>
    </row>
    <row r="19" spans="1:44" s="229" customFormat="1" ht="22.5" customHeight="1">
      <c r="A19" s="225"/>
      <c r="B19" s="226">
        <v>3</v>
      </c>
      <c r="C19" s="227"/>
      <c r="D19" s="226"/>
      <c r="E19" s="226"/>
      <c r="F19" s="226"/>
      <c r="G19" s="226"/>
      <c r="H19" s="779">
        <f t="shared" si="0"/>
        <v>0</v>
      </c>
      <c r="I19" s="228"/>
      <c r="J19" s="228"/>
      <c r="K19" s="228"/>
      <c r="L19" s="228"/>
      <c r="M19" s="228"/>
      <c r="N19" s="228"/>
      <c r="O19" s="228"/>
      <c r="P19" s="228"/>
      <c r="Q19" s="228"/>
      <c r="R19" s="226"/>
      <c r="S19" s="304"/>
      <c r="T19" s="226"/>
      <c r="U19" s="226"/>
      <c r="V19" s="226"/>
      <c r="W19" s="226"/>
      <c r="X19" s="226"/>
      <c r="Y19" s="226"/>
      <c r="Z19" s="226"/>
      <c r="AA19" s="226"/>
      <c r="AB19" s="313"/>
      <c r="AC19" s="314"/>
      <c r="AD19" s="315"/>
      <c r="AE19" s="313"/>
      <c r="AF19" s="314"/>
      <c r="AG19" s="314"/>
      <c r="AH19" s="314"/>
      <c r="AI19" s="315"/>
      <c r="AJ19" s="226"/>
      <c r="AK19" s="313"/>
      <c r="AL19" s="314"/>
      <c r="AM19" s="314"/>
      <c r="AN19" s="314"/>
      <c r="AO19" s="314"/>
      <c r="AP19" s="351"/>
      <c r="AR19" s="343"/>
    </row>
    <row r="20" spans="1:44" s="229" customFormat="1" ht="22.5" customHeight="1">
      <c r="A20" s="225"/>
      <c r="B20" s="226">
        <v>4</v>
      </c>
      <c r="C20" s="227"/>
      <c r="D20" s="226"/>
      <c r="E20" s="226"/>
      <c r="F20" s="226"/>
      <c r="G20" s="226"/>
      <c r="H20" s="779">
        <f t="shared" si="0"/>
        <v>0</v>
      </c>
      <c r="I20" s="228"/>
      <c r="J20" s="228"/>
      <c r="K20" s="228"/>
      <c r="L20" s="228"/>
      <c r="M20" s="228"/>
      <c r="N20" s="228"/>
      <c r="O20" s="228"/>
      <c r="P20" s="228"/>
      <c r="Q20" s="228"/>
      <c r="R20" s="226"/>
      <c r="S20" s="304"/>
      <c r="T20" s="226"/>
      <c r="U20" s="226"/>
      <c r="V20" s="226"/>
      <c r="W20" s="226"/>
      <c r="X20" s="226"/>
      <c r="Y20" s="226"/>
      <c r="Z20" s="226"/>
      <c r="AA20" s="226"/>
      <c r="AB20" s="313"/>
      <c r="AC20" s="314"/>
      <c r="AD20" s="315"/>
      <c r="AE20" s="313"/>
      <c r="AF20" s="314"/>
      <c r="AG20" s="314"/>
      <c r="AH20" s="314"/>
      <c r="AI20" s="315"/>
      <c r="AJ20" s="226"/>
      <c r="AK20" s="313"/>
      <c r="AL20" s="314"/>
      <c r="AM20" s="314"/>
      <c r="AN20" s="314"/>
      <c r="AO20" s="314"/>
      <c r="AP20" s="351"/>
      <c r="AR20" s="344"/>
    </row>
    <row r="21" spans="1:44" s="229" customFormat="1" ht="22.5" customHeight="1">
      <c r="A21" s="225"/>
      <c r="B21" s="226">
        <v>5</v>
      </c>
      <c r="C21" s="227"/>
      <c r="D21" s="226"/>
      <c r="E21" s="226"/>
      <c r="F21" s="226"/>
      <c r="G21" s="226"/>
      <c r="H21" s="779">
        <f t="shared" si="0"/>
        <v>0</v>
      </c>
      <c r="I21" s="228"/>
      <c r="J21" s="228"/>
      <c r="K21" s="228"/>
      <c r="L21" s="228"/>
      <c r="M21" s="228"/>
      <c r="N21" s="228"/>
      <c r="O21" s="228"/>
      <c r="P21" s="228"/>
      <c r="Q21" s="228"/>
      <c r="R21" s="226"/>
      <c r="S21" s="304"/>
      <c r="T21" s="226"/>
      <c r="U21" s="226"/>
      <c r="V21" s="226"/>
      <c r="W21" s="226"/>
      <c r="X21" s="226"/>
      <c r="Y21" s="226"/>
      <c r="Z21" s="226"/>
      <c r="AA21" s="226"/>
      <c r="AB21" s="313"/>
      <c r="AC21" s="314"/>
      <c r="AD21" s="315"/>
      <c r="AE21" s="313"/>
      <c r="AF21" s="314"/>
      <c r="AG21" s="314"/>
      <c r="AH21" s="314"/>
      <c r="AI21" s="315"/>
      <c r="AJ21" s="226"/>
      <c r="AK21" s="313"/>
      <c r="AL21" s="314"/>
      <c r="AM21" s="314"/>
      <c r="AN21" s="314"/>
      <c r="AO21" s="314"/>
      <c r="AP21" s="351"/>
      <c r="AR21" s="344"/>
    </row>
    <row r="22" spans="1:44" s="229" customFormat="1" ht="22.5" customHeight="1">
      <c r="A22" s="225"/>
      <c r="B22" s="226">
        <v>6</v>
      </c>
      <c r="C22" s="227"/>
      <c r="D22" s="226"/>
      <c r="E22" s="226"/>
      <c r="F22" s="226"/>
      <c r="G22" s="226"/>
      <c r="H22" s="779">
        <f t="shared" si="0"/>
        <v>0</v>
      </c>
      <c r="I22" s="228"/>
      <c r="J22" s="228"/>
      <c r="K22" s="228"/>
      <c r="L22" s="228"/>
      <c r="M22" s="228"/>
      <c r="N22" s="228"/>
      <c r="O22" s="228"/>
      <c r="P22" s="228"/>
      <c r="Q22" s="228"/>
      <c r="R22" s="226"/>
      <c r="S22" s="304"/>
      <c r="T22" s="226"/>
      <c r="U22" s="226"/>
      <c r="V22" s="226"/>
      <c r="W22" s="226"/>
      <c r="X22" s="226"/>
      <c r="Y22" s="226"/>
      <c r="Z22" s="226"/>
      <c r="AA22" s="226"/>
      <c r="AB22" s="313"/>
      <c r="AC22" s="314"/>
      <c r="AD22" s="315"/>
      <c r="AE22" s="313"/>
      <c r="AF22" s="314"/>
      <c r="AG22" s="314"/>
      <c r="AH22" s="314"/>
      <c r="AI22" s="315"/>
      <c r="AJ22" s="226"/>
      <c r="AK22" s="313"/>
      <c r="AL22" s="314"/>
      <c r="AM22" s="314"/>
      <c r="AN22" s="314"/>
      <c r="AO22" s="314"/>
      <c r="AP22" s="351"/>
      <c r="AR22" s="344"/>
    </row>
    <row r="23" spans="1:44" s="229" customFormat="1" ht="22.5" customHeight="1">
      <c r="A23" s="225"/>
      <c r="B23" s="226">
        <v>7</v>
      </c>
      <c r="C23" s="227"/>
      <c r="D23" s="226"/>
      <c r="E23" s="226"/>
      <c r="F23" s="226"/>
      <c r="G23" s="226"/>
      <c r="H23" s="779">
        <f t="shared" si="0"/>
        <v>0</v>
      </c>
      <c r="I23" s="228"/>
      <c r="J23" s="228"/>
      <c r="K23" s="228"/>
      <c r="L23" s="228"/>
      <c r="M23" s="228"/>
      <c r="N23" s="228"/>
      <c r="O23" s="228"/>
      <c r="P23" s="228"/>
      <c r="Q23" s="228"/>
      <c r="R23" s="226"/>
      <c r="S23" s="304"/>
      <c r="T23" s="226"/>
      <c r="U23" s="226"/>
      <c r="V23" s="226"/>
      <c r="W23" s="226"/>
      <c r="X23" s="226"/>
      <c r="Y23" s="226"/>
      <c r="Z23" s="226"/>
      <c r="AA23" s="226"/>
      <c r="AB23" s="313"/>
      <c r="AC23" s="314"/>
      <c r="AD23" s="315"/>
      <c r="AE23" s="313"/>
      <c r="AF23" s="314"/>
      <c r="AG23" s="314"/>
      <c r="AH23" s="314"/>
      <c r="AI23" s="315"/>
      <c r="AJ23" s="226"/>
      <c r="AK23" s="313"/>
      <c r="AL23" s="314"/>
      <c r="AM23" s="314"/>
      <c r="AN23" s="314"/>
      <c r="AO23" s="314"/>
      <c r="AP23" s="351"/>
      <c r="AR23" s="344"/>
    </row>
    <row r="24" spans="1:44" s="229" customFormat="1" ht="22.5" customHeight="1">
      <c r="A24" s="225"/>
      <c r="B24" s="226">
        <v>8</v>
      </c>
      <c r="C24" s="227"/>
      <c r="D24" s="226"/>
      <c r="E24" s="226"/>
      <c r="F24" s="226"/>
      <c r="G24" s="226"/>
      <c r="H24" s="779">
        <f t="shared" si="0"/>
        <v>0</v>
      </c>
      <c r="I24" s="228"/>
      <c r="J24" s="228"/>
      <c r="K24" s="228"/>
      <c r="L24" s="228"/>
      <c r="M24" s="228"/>
      <c r="N24" s="228"/>
      <c r="O24" s="228"/>
      <c r="P24" s="228"/>
      <c r="Q24" s="228"/>
      <c r="R24" s="226"/>
      <c r="S24" s="304"/>
      <c r="T24" s="226"/>
      <c r="U24" s="226"/>
      <c r="V24" s="226"/>
      <c r="W24" s="226"/>
      <c r="X24" s="226"/>
      <c r="Y24" s="226"/>
      <c r="Z24" s="226"/>
      <c r="AA24" s="226"/>
      <c r="AB24" s="313"/>
      <c r="AC24" s="314"/>
      <c r="AD24" s="315"/>
      <c r="AE24" s="313"/>
      <c r="AF24" s="314"/>
      <c r="AG24" s="314"/>
      <c r="AH24" s="314"/>
      <c r="AI24" s="315"/>
      <c r="AJ24" s="226"/>
      <c r="AK24" s="313"/>
      <c r="AL24" s="314"/>
      <c r="AM24" s="314"/>
      <c r="AN24" s="314"/>
      <c r="AO24" s="314"/>
      <c r="AP24" s="351"/>
      <c r="AR24" s="344"/>
    </row>
    <row r="25" spans="1:44" s="229" customFormat="1" ht="22.5" customHeight="1">
      <c r="A25" s="225"/>
      <c r="B25" s="226">
        <v>9</v>
      </c>
      <c r="C25" s="227"/>
      <c r="D25" s="226"/>
      <c r="E25" s="226"/>
      <c r="F25" s="226"/>
      <c r="G25" s="226"/>
      <c r="H25" s="779">
        <f t="shared" si="0"/>
        <v>0</v>
      </c>
      <c r="I25" s="228"/>
      <c r="J25" s="228"/>
      <c r="K25" s="228"/>
      <c r="L25" s="228"/>
      <c r="M25" s="228"/>
      <c r="N25" s="228"/>
      <c r="O25" s="228"/>
      <c r="P25" s="228"/>
      <c r="Q25" s="228"/>
      <c r="R25" s="226"/>
      <c r="S25" s="304"/>
      <c r="T25" s="226"/>
      <c r="U25" s="226"/>
      <c r="V25" s="226"/>
      <c r="W25" s="226"/>
      <c r="X25" s="226"/>
      <c r="Y25" s="226"/>
      <c r="Z25" s="226"/>
      <c r="AA25" s="226"/>
      <c r="AB25" s="313"/>
      <c r="AC25" s="314"/>
      <c r="AD25" s="315"/>
      <c r="AE25" s="313"/>
      <c r="AF25" s="314"/>
      <c r="AG25" s="314"/>
      <c r="AH25" s="314"/>
      <c r="AI25" s="315"/>
      <c r="AJ25" s="226"/>
      <c r="AK25" s="313"/>
      <c r="AL25" s="314"/>
      <c r="AM25" s="314"/>
      <c r="AN25" s="314"/>
      <c r="AO25" s="314"/>
      <c r="AP25" s="351"/>
      <c r="AR25" s="344"/>
    </row>
    <row r="26" spans="1:44" s="229" customFormat="1" ht="22.5" customHeight="1">
      <c r="A26" s="225"/>
      <c r="B26" s="226">
        <v>10</v>
      </c>
      <c r="C26" s="227"/>
      <c r="D26" s="226"/>
      <c r="E26" s="226"/>
      <c r="F26" s="226"/>
      <c r="G26" s="226"/>
      <c r="H26" s="779">
        <f t="shared" si="0"/>
        <v>0</v>
      </c>
      <c r="I26" s="228"/>
      <c r="J26" s="228"/>
      <c r="K26" s="228"/>
      <c r="L26" s="228"/>
      <c r="M26" s="228"/>
      <c r="N26" s="228"/>
      <c r="O26" s="228"/>
      <c r="P26" s="228"/>
      <c r="Q26" s="228"/>
      <c r="R26" s="226"/>
      <c r="S26" s="304"/>
      <c r="T26" s="226"/>
      <c r="U26" s="226"/>
      <c r="V26" s="226"/>
      <c r="W26" s="226"/>
      <c r="X26" s="226"/>
      <c r="Y26" s="226"/>
      <c r="Z26" s="226"/>
      <c r="AA26" s="226"/>
      <c r="AB26" s="313"/>
      <c r="AC26" s="314"/>
      <c r="AD26" s="315"/>
      <c r="AE26" s="313"/>
      <c r="AF26" s="314"/>
      <c r="AG26" s="314"/>
      <c r="AH26" s="314"/>
      <c r="AI26" s="315"/>
      <c r="AJ26" s="226"/>
      <c r="AK26" s="313"/>
      <c r="AL26" s="314"/>
      <c r="AM26" s="314"/>
      <c r="AN26" s="314"/>
      <c r="AO26" s="314"/>
      <c r="AP26" s="351"/>
    </row>
    <row r="27" spans="1:44" s="229" customFormat="1" ht="22.5" customHeight="1">
      <c r="A27" s="225"/>
      <c r="B27" s="226">
        <v>11</v>
      </c>
      <c r="C27" s="227"/>
      <c r="D27" s="226"/>
      <c r="E27" s="226"/>
      <c r="F27" s="226"/>
      <c r="G27" s="226"/>
      <c r="H27" s="779">
        <f t="shared" si="0"/>
        <v>0</v>
      </c>
      <c r="I27" s="228"/>
      <c r="J27" s="228"/>
      <c r="K27" s="228"/>
      <c r="L27" s="228"/>
      <c r="M27" s="228"/>
      <c r="N27" s="228"/>
      <c r="O27" s="228"/>
      <c r="P27" s="228"/>
      <c r="Q27" s="228"/>
      <c r="R27" s="226"/>
      <c r="S27" s="304"/>
      <c r="T27" s="226"/>
      <c r="U27" s="226"/>
      <c r="V27" s="226"/>
      <c r="W27" s="226"/>
      <c r="X27" s="226"/>
      <c r="Y27" s="226"/>
      <c r="Z27" s="226"/>
      <c r="AA27" s="226"/>
      <c r="AB27" s="313"/>
      <c r="AC27" s="314"/>
      <c r="AD27" s="315"/>
      <c r="AE27" s="313"/>
      <c r="AF27" s="314"/>
      <c r="AG27" s="314"/>
      <c r="AH27" s="314"/>
      <c r="AI27" s="315"/>
      <c r="AJ27" s="226"/>
      <c r="AK27" s="313"/>
      <c r="AL27" s="314"/>
      <c r="AM27" s="314"/>
      <c r="AN27" s="314"/>
      <c r="AO27" s="314"/>
      <c r="AP27" s="351"/>
    </row>
    <row r="28" spans="1:44" s="229" customFormat="1" ht="22.5" customHeight="1">
      <c r="A28" s="225"/>
      <c r="B28" s="226">
        <v>12</v>
      </c>
      <c r="C28" s="227"/>
      <c r="D28" s="226"/>
      <c r="E28" s="226"/>
      <c r="F28" s="226"/>
      <c r="G28" s="226"/>
      <c r="H28" s="779">
        <f t="shared" si="0"/>
        <v>0</v>
      </c>
      <c r="I28" s="228"/>
      <c r="J28" s="228"/>
      <c r="K28" s="228"/>
      <c r="L28" s="228"/>
      <c r="M28" s="228"/>
      <c r="N28" s="228"/>
      <c r="O28" s="228"/>
      <c r="P28" s="228"/>
      <c r="Q28" s="228"/>
      <c r="R28" s="226"/>
      <c r="S28" s="304"/>
      <c r="T28" s="226"/>
      <c r="U28" s="226"/>
      <c r="V28" s="226"/>
      <c r="W28" s="226"/>
      <c r="X28" s="226"/>
      <c r="Y28" s="226"/>
      <c r="Z28" s="226"/>
      <c r="AA28" s="226"/>
      <c r="AB28" s="313"/>
      <c r="AC28" s="314"/>
      <c r="AD28" s="315"/>
      <c r="AE28" s="313"/>
      <c r="AF28" s="314"/>
      <c r="AG28" s="314"/>
      <c r="AH28" s="314"/>
      <c r="AI28" s="315"/>
      <c r="AJ28" s="226"/>
      <c r="AK28" s="313"/>
      <c r="AL28" s="314"/>
      <c r="AM28" s="314"/>
      <c r="AN28" s="314"/>
      <c r="AO28" s="314"/>
      <c r="AP28" s="351"/>
      <c r="AR28" s="345"/>
    </row>
    <row r="29" spans="1:44" s="229" customFormat="1" ht="22.5" customHeight="1">
      <c r="A29" s="225"/>
      <c r="B29" s="226">
        <v>13</v>
      </c>
      <c r="C29" s="227"/>
      <c r="D29" s="226"/>
      <c r="E29" s="226"/>
      <c r="F29" s="226"/>
      <c r="G29" s="226"/>
      <c r="H29" s="779">
        <f t="shared" si="0"/>
        <v>0</v>
      </c>
      <c r="I29" s="228"/>
      <c r="J29" s="228"/>
      <c r="K29" s="228"/>
      <c r="L29" s="228"/>
      <c r="M29" s="228"/>
      <c r="N29" s="228"/>
      <c r="O29" s="228"/>
      <c r="P29" s="228"/>
      <c r="Q29" s="228"/>
      <c r="R29" s="226"/>
      <c r="S29" s="304"/>
      <c r="T29" s="226"/>
      <c r="U29" s="226"/>
      <c r="V29" s="226"/>
      <c r="W29" s="226"/>
      <c r="X29" s="226"/>
      <c r="Y29" s="226"/>
      <c r="Z29" s="226"/>
      <c r="AA29" s="226"/>
      <c r="AB29" s="313"/>
      <c r="AC29" s="314"/>
      <c r="AD29" s="315"/>
      <c r="AE29" s="313"/>
      <c r="AF29" s="314"/>
      <c r="AG29" s="314"/>
      <c r="AH29" s="314"/>
      <c r="AI29" s="315"/>
      <c r="AJ29" s="226"/>
      <c r="AK29" s="313"/>
      <c r="AL29" s="314"/>
      <c r="AM29" s="314"/>
      <c r="AN29" s="314"/>
      <c r="AO29" s="314"/>
      <c r="AP29" s="351"/>
      <c r="AR29" s="345"/>
    </row>
    <row r="30" spans="1:44" s="229" customFormat="1" ht="22.5" customHeight="1">
      <c r="A30" s="225"/>
      <c r="B30" s="226">
        <v>14</v>
      </c>
      <c r="C30" s="227"/>
      <c r="D30" s="226"/>
      <c r="E30" s="226"/>
      <c r="F30" s="226"/>
      <c r="G30" s="226"/>
      <c r="H30" s="779">
        <f t="shared" si="0"/>
        <v>0</v>
      </c>
      <c r="I30" s="228"/>
      <c r="J30" s="228"/>
      <c r="K30" s="228"/>
      <c r="L30" s="228"/>
      <c r="M30" s="228"/>
      <c r="N30" s="228"/>
      <c r="O30" s="228"/>
      <c r="P30" s="228"/>
      <c r="Q30" s="228"/>
      <c r="R30" s="226"/>
      <c r="S30" s="304"/>
      <c r="T30" s="226"/>
      <c r="U30" s="226"/>
      <c r="V30" s="226"/>
      <c r="W30" s="226"/>
      <c r="X30" s="226"/>
      <c r="Y30" s="226"/>
      <c r="Z30" s="226"/>
      <c r="AA30" s="226"/>
      <c r="AB30" s="313"/>
      <c r="AC30" s="314"/>
      <c r="AD30" s="315"/>
      <c r="AE30" s="313"/>
      <c r="AF30" s="314"/>
      <c r="AG30" s="314"/>
      <c r="AH30" s="314"/>
      <c r="AI30" s="315"/>
      <c r="AJ30" s="226"/>
      <c r="AK30" s="313"/>
      <c r="AL30" s="314"/>
      <c r="AM30" s="314"/>
      <c r="AN30" s="314"/>
      <c r="AO30" s="314"/>
      <c r="AP30" s="351"/>
    </row>
    <row r="31" spans="1:44" s="229" customFormat="1" ht="22.5" customHeight="1">
      <c r="A31" s="225"/>
      <c r="B31" s="226">
        <v>15</v>
      </c>
      <c r="C31" s="227"/>
      <c r="D31" s="226"/>
      <c r="E31" s="226"/>
      <c r="F31" s="226"/>
      <c r="G31" s="226"/>
      <c r="H31" s="779">
        <f t="shared" si="0"/>
        <v>0</v>
      </c>
      <c r="I31" s="228"/>
      <c r="J31" s="228"/>
      <c r="K31" s="228"/>
      <c r="L31" s="228"/>
      <c r="M31" s="228"/>
      <c r="N31" s="228"/>
      <c r="O31" s="228"/>
      <c r="P31" s="228"/>
      <c r="Q31" s="228"/>
      <c r="R31" s="226"/>
      <c r="S31" s="304"/>
      <c r="T31" s="226"/>
      <c r="U31" s="226"/>
      <c r="V31" s="226"/>
      <c r="W31" s="226"/>
      <c r="X31" s="226"/>
      <c r="Y31" s="226"/>
      <c r="Z31" s="226"/>
      <c r="AA31" s="226"/>
      <c r="AB31" s="313"/>
      <c r="AC31" s="314"/>
      <c r="AD31" s="315"/>
      <c r="AE31" s="313"/>
      <c r="AF31" s="314"/>
      <c r="AG31" s="314"/>
      <c r="AH31" s="314"/>
      <c r="AI31" s="315"/>
      <c r="AJ31" s="226"/>
      <c r="AK31" s="313"/>
      <c r="AL31" s="314"/>
      <c r="AM31" s="314"/>
      <c r="AN31" s="314"/>
      <c r="AO31" s="314"/>
      <c r="AP31" s="351"/>
    </row>
    <row r="32" spans="1:44" s="229" customFormat="1" ht="22.5" customHeight="1">
      <c r="A32" s="225"/>
      <c r="B32" s="226">
        <v>16</v>
      </c>
      <c r="C32" s="227"/>
      <c r="D32" s="226"/>
      <c r="E32" s="226"/>
      <c r="F32" s="226"/>
      <c r="G32" s="226"/>
      <c r="H32" s="779">
        <f t="shared" si="0"/>
        <v>0</v>
      </c>
      <c r="I32" s="228"/>
      <c r="J32" s="228"/>
      <c r="K32" s="228"/>
      <c r="L32" s="228"/>
      <c r="M32" s="228"/>
      <c r="N32" s="228"/>
      <c r="O32" s="228"/>
      <c r="P32" s="228"/>
      <c r="Q32" s="228"/>
      <c r="R32" s="226"/>
      <c r="S32" s="304"/>
      <c r="T32" s="226"/>
      <c r="U32" s="226"/>
      <c r="V32" s="226"/>
      <c r="W32" s="226"/>
      <c r="X32" s="226"/>
      <c r="Y32" s="226"/>
      <c r="Z32" s="226"/>
      <c r="AA32" s="226"/>
      <c r="AB32" s="313"/>
      <c r="AC32" s="314"/>
      <c r="AD32" s="315"/>
      <c r="AE32" s="313"/>
      <c r="AF32" s="314"/>
      <c r="AG32" s="314"/>
      <c r="AH32" s="314"/>
      <c r="AI32" s="315"/>
      <c r="AJ32" s="226"/>
      <c r="AK32" s="313"/>
      <c r="AL32" s="314"/>
      <c r="AM32" s="314"/>
      <c r="AN32" s="314"/>
      <c r="AO32" s="314"/>
      <c r="AP32" s="351"/>
    </row>
    <row r="33" spans="1:44" s="229" customFormat="1" ht="22.5" customHeight="1">
      <c r="A33" s="225"/>
      <c r="B33" s="226">
        <v>17</v>
      </c>
      <c r="C33" s="227"/>
      <c r="D33" s="226"/>
      <c r="E33" s="226"/>
      <c r="F33" s="226"/>
      <c r="G33" s="226"/>
      <c r="H33" s="779">
        <f t="shared" si="0"/>
        <v>0</v>
      </c>
      <c r="I33" s="228"/>
      <c r="J33" s="228"/>
      <c r="K33" s="228"/>
      <c r="L33" s="228"/>
      <c r="M33" s="228"/>
      <c r="N33" s="228"/>
      <c r="O33" s="228"/>
      <c r="P33" s="228"/>
      <c r="Q33" s="228"/>
      <c r="R33" s="226"/>
      <c r="S33" s="304"/>
      <c r="T33" s="226"/>
      <c r="U33" s="226"/>
      <c r="V33" s="226"/>
      <c r="W33" s="226"/>
      <c r="X33" s="226"/>
      <c r="Y33" s="226"/>
      <c r="Z33" s="226"/>
      <c r="AA33" s="226"/>
      <c r="AB33" s="313"/>
      <c r="AC33" s="314"/>
      <c r="AD33" s="315"/>
      <c r="AE33" s="313"/>
      <c r="AF33" s="314"/>
      <c r="AG33" s="314"/>
      <c r="AH33" s="314"/>
      <c r="AI33" s="315"/>
      <c r="AJ33" s="226"/>
      <c r="AK33" s="313"/>
      <c r="AL33" s="314"/>
      <c r="AM33" s="314"/>
      <c r="AN33" s="314"/>
      <c r="AO33" s="314"/>
      <c r="AP33" s="351"/>
    </row>
    <row r="34" spans="1:44" s="229" customFormat="1" ht="22.5" customHeight="1">
      <c r="A34" s="225"/>
      <c r="B34" s="226">
        <v>18</v>
      </c>
      <c r="C34" s="227"/>
      <c r="D34" s="226"/>
      <c r="E34" s="226"/>
      <c r="F34" s="226"/>
      <c r="G34" s="226"/>
      <c r="H34" s="779">
        <f t="shared" si="0"/>
        <v>0</v>
      </c>
      <c r="I34" s="228"/>
      <c r="J34" s="228"/>
      <c r="K34" s="228"/>
      <c r="L34" s="228"/>
      <c r="M34" s="228"/>
      <c r="N34" s="228"/>
      <c r="O34" s="228"/>
      <c r="P34" s="228"/>
      <c r="Q34" s="228"/>
      <c r="R34" s="226"/>
      <c r="S34" s="304"/>
      <c r="T34" s="226"/>
      <c r="U34" s="226"/>
      <c r="V34" s="226"/>
      <c r="W34" s="226"/>
      <c r="X34" s="226"/>
      <c r="Y34" s="226"/>
      <c r="Z34" s="226"/>
      <c r="AA34" s="226"/>
      <c r="AB34" s="313"/>
      <c r="AC34" s="314"/>
      <c r="AD34" s="315"/>
      <c r="AE34" s="313"/>
      <c r="AF34" s="314"/>
      <c r="AG34" s="314"/>
      <c r="AH34" s="314"/>
      <c r="AI34" s="315"/>
      <c r="AJ34" s="226"/>
      <c r="AK34" s="313"/>
      <c r="AL34" s="314"/>
      <c r="AM34" s="314"/>
      <c r="AN34" s="314"/>
      <c r="AO34" s="314"/>
      <c r="AP34" s="351"/>
    </row>
    <row r="35" spans="1:44" s="229" customFormat="1" ht="22.5" customHeight="1">
      <c r="A35" s="225"/>
      <c r="B35" s="226">
        <v>19</v>
      </c>
      <c r="C35" s="227"/>
      <c r="D35" s="226"/>
      <c r="E35" s="226"/>
      <c r="F35" s="226"/>
      <c r="G35" s="226"/>
      <c r="H35" s="779">
        <f t="shared" si="0"/>
        <v>0</v>
      </c>
      <c r="I35" s="228"/>
      <c r="J35" s="228"/>
      <c r="K35" s="228"/>
      <c r="L35" s="228"/>
      <c r="M35" s="228"/>
      <c r="N35" s="228"/>
      <c r="O35" s="228"/>
      <c r="P35" s="228"/>
      <c r="Q35" s="228"/>
      <c r="R35" s="226"/>
      <c r="S35" s="304"/>
      <c r="T35" s="226"/>
      <c r="U35" s="226"/>
      <c r="V35" s="226"/>
      <c r="W35" s="226"/>
      <c r="X35" s="226"/>
      <c r="Y35" s="226"/>
      <c r="Z35" s="226"/>
      <c r="AA35" s="226"/>
      <c r="AB35" s="313"/>
      <c r="AC35" s="314"/>
      <c r="AD35" s="315"/>
      <c r="AE35" s="313"/>
      <c r="AF35" s="314"/>
      <c r="AG35" s="314"/>
      <c r="AH35" s="314"/>
      <c r="AI35" s="315"/>
      <c r="AJ35" s="226"/>
      <c r="AK35" s="313"/>
      <c r="AL35" s="314"/>
      <c r="AM35" s="314"/>
      <c r="AN35" s="314"/>
      <c r="AO35" s="314"/>
      <c r="AP35" s="351"/>
      <c r="AR35" s="345"/>
    </row>
    <row r="36" spans="1:44" s="229" customFormat="1" ht="22.5" customHeight="1">
      <c r="A36" s="225"/>
      <c r="B36" s="226">
        <v>20</v>
      </c>
      <c r="C36" s="227"/>
      <c r="D36" s="226"/>
      <c r="E36" s="226"/>
      <c r="F36" s="226"/>
      <c r="G36" s="226"/>
      <c r="H36" s="779">
        <f t="shared" si="0"/>
        <v>0</v>
      </c>
      <c r="I36" s="228"/>
      <c r="J36" s="228"/>
      <c r="K36" s="228"/>
      <c r="L36" s="228"/>
      <c r="M36" s="228"/>
      <c r="N36" s="228"/>
      <c r="O36" s="228"/>
      <c r="P36" s="228"/>
      <c r="Q36" s="228"/>
      <c r="R36" s="226"/>
      <c r="S36" s="304"/>
      <c r="T36" s="226"/>
      <c r="U36" s="226"/>
      <c r="V36" s="226"/>
      <c r="W36" s="226"/>
      <c r="X36" s="226"/>
      <c r="Y36" s="226"/>
      <c r="Z36" s="226"/>
      <c r="AA36" s="226"/>
      <c r="AB36" s="313"/>
      <c r="AC36" s="314"/>
      <c r="AD36" s="315"/>
      <c r="AE36" s="313"/>
      <c r="AF36" s="314"/>
      <c r="AG36" s="314"/>
      <c r="AH36" s="314"/>
      <c r="AI36" s="315"/>
      <c r="AJ36" s="226"/>
      <c r="AK36" s="313"/>
      <c r="AL36" s="314"/>
      <c r="AM36" s="314"/>
      <c r="AN36" s="314"/>
      <c r="AO36" s="314"/>
      <c r="AP36" s="351"/>
      <c r="AR36" s="345"/>
    </row>
    <row r="37" spans="1:44" s="229" customFormat="1" ht="22.5" customHeight="1">
      <c r="A37" s="225"/>
      <c r="B37" s="226">
        <v>21</v>
      </c>
      <c r="C37" s="227"/>
      <c r="D37" s="226"/>
      <c r="E37" s="226"/>
      <c r="F37" s="226"/>
      <c r="G37" s="226"/>
      <c r="H37" s="779">
        <f t="shared" si="0"/>
        <v>0</v>
      </c>
      <c r="I37" s="228"/>
      <c r="J37" s="228"/>
      <c r="K37" s="228"/>
      <c r="L37" s="228"/>
      <c r="M37" s="228"/>
      <c r="N37" s="228"/>
      <c r="O37" s="228"/>
      <c r="P37" s="228"/>
      <c r="Q37" s="228"/>
      <c r="R37" s="226"/>
      <c r="S37" s="304"/>
      <c r="T37" s="226"/>
      <c r="U37" s="226"/>
      <c r="V37" s="226"/>
      <c r="W37" s="226"/>
      <c r="X37" s="226"/>
      <c r="Y37" s="226"/>
      <c r="Z37" s="226"/>
      <c r="AA37" s="226"/>
      <c r="AB37" s="313"/>
      <c r="AC37" s="314"/>
      <c r="AD37" s="315"/>
      <c r="AE37" s="313"/>
      <c r="AF37" s="314"/>
      <c r="AG37" s="314"/>
      <c r="AH37" s="314"/>
      <c r="AI37" s="315"/>
      <c r="AJ37" s="226"/>
      <c r="AK37" s="313"/>
      <c r="AL37" s="314"/>
      <c r="AM37" s="314"/>
      <c r="AN37" s="314"/>
      <c r="AO37" s="314"/>
      <c r="AP37" s="351"/>
      <c r="AR37" s="345"/>
    </row>
    <row r="38" spans="1:44" s="229" customFormat="1" ht="22.5" customHeight="1">
      <c r="A38" s="225"/>
      <c r="B38" s="226">
        <v>22</v>
      </c>
      <c r="C38" s="227"/>
      <c r="D38" s="226"/>
      <c r="E38" s="226"/>
      <c r="F38" s="226"/>
      <c r="G38" s="226"/>
      <c r="H38" s="779">
        <f t="shared" si="0"/>
        <v>0</v>
      </c>
      <c r="I38" s="228"/>
      <c r="J38" s="228"/>
      <c r="K38" s="228"/>
      <c r="L38" s="228"/>
      <c r="M38" s="228"/>
      <c r="N38" s="228"/>
      <c r="O38" s="228"/>
      <c r="P38" s="228"/>
      <c r="Q38" s="228"/>
      <c r="R38" s="226"/>
      <c r="S38" s="304"/>
      <c r="T38" s="226"/>
      <c r="U38" s="226"/>
      <c r="V38" s="226"/>
      <c r="W38" s="226"/>
      <c r="X38" s="226"/>
      <c r="Y38" s="226"/>
      <c r="Z38" s="226"/>
      <c r="AA38" s="226"/>
      <c r="AB38" s="313"/>
      <c r="AC38" s="314"/>
      <c r="AD38" s="315"/>
      <c r="AE38" s="313"/>
      <c r="AF38" s="314"/>
      <c r="AG38" s="314"/>
      <c r="AH38" s="314"/>
      <c r="AI38" s="315"/>
      <c r="AJ38" s="226"/>
      <c r="AK38" s="313"/>
      <c r="AL38" s="314"/>
      <c r="AM38" s="314"/>
      <c r="AN38" s="314"/>
      <c r="AO38" s="314"/>
      <c r="AP38" s="351"/>
      <c r="AR38" s="345"/>
    </row>
    <row r="39" spans="1:44" s="229" customFormat="1" ht="22.5" customHeight="1">
      <c r="A39" s="225"/>
      <c r="B39" s="226">
        <v>23</v>
      </c>
      <c r="C39" s="227"/>
      <c r="D39" s="226"/>
      <c r="E39" s="226"/>
      <c r="F39" s="226"/>
      <c r="G39" s="226"/>
      <c r="H39" s="779">
        <f t="shared" si="0"/>
        <v>0</v>
      </c>
      <c r="I39" s="228"/>
      <c r="J39" s="228"/>
      <c r="K39" s="228"/>
      <c r="L39" s="228"/>
      <c r="M39" s="228"/>
      <c r="N39" s="228"/>
      <c r="O39" s="228"/>
      <c r="P39" s="228"/>
      <c r="Q39" s="228"/>
      <c r="R39" s="226"/>
      <c r="S39" s="304"/>
      <c r="T39" s="226"/>
      <c r="U39" s="226"/>
      <c r="V39" s="226"/>
      <c r="W39" s="226"/>
      <c r="X39" s="226"/>
      <c r="Y39" s="226"/>
      <c r="Z39" s="226"/>
      <c r="AA39" s="226"/>
      <c r="AB39" s="313"/>
      <c r="AC39" s="314"/>
      <c r="AD39" s="315"/>
      <c r="AE39" s="313"/>
      <c r="AF39" s="314"/>
      <c r="AG39" s="314"/>
      <c r="AH39" s="314"/>
      <c r="AI39" s="315"/>
      <c r="AJ39" s="226"/>
      <c r="AK39" s="313"/>
      <c r="AL39" s="314"/>
      <c r="AM39" s="314"/>
      <c r="AN39" s="314"/>
      <c r="AO39" s="314"/>
      <c r="AP39" s="351"/>
      <c r="AR39" s="345"/>
    </row>
    <row r="40" spans="1:44" s="229" customFormat="1" ht="22.5" customHeight="1">
      <c r="A40" s="225"/>
      <c r="B40" s="226">
        <v>24</v>
      </c>
      <c r="C40" s="227"/>
      <c r="D40" s="226"/>
      <c r="E40" s="226"/>
      <c r="F40" s="226"/>
      <c r="G40" s="226"/>
      <c r="H40" s="779">
        <f t="shared" si="0"/>
        <v>0</v>
      </c>
      <c r="I40" s="228"/>
      <c r="J40" s="228"/>
      <c r="K40" s="228"/>
      <c r="L40" s="228"/>
      <c r="M40" s="228"/>
      <c r="N40" s="228"/>
      <c r="O40" s="228"/>
      <c r="P40" s="228"/>
      <c r="Q40" s="228"/>
      <c r="R40" s="226"/>
      <c r="S40" s="304"/>
      <c r="T40" s="226"/>
      <c r="U40" s="226"/>
      <c r="V40" s="226"/>
      <c r="W40" s="226"/>
      <c r="X40" s="226"/>
      <c r="Y40" s="226"/>
      <c r="Z40" s="226"/>
      <c r="AA40" s="226"/>
      <c r="AB40" s="313"/>
      <c r="AC40" s="314"/>
      <c r="AD40" s="315"/>
      <c r="AE40" s="313"/>
      <c r="AF40" s="314"/>
      <c r="AG40" s="314"/>
      <c r="AH40" s="314"/>
      <c r="AI40" s="315"/>
      <c r="AJ40" s="226"/>
      <c r="AK40" s="313"/>
      <c r="AL40" s="314"/>
      <c r="AM40" s="314"/>
      <c r="AN40" s="314"/>
      <c r="AO40" s="314"/>
      <c r="AP40" s="351"/>
      <c r="AR40" s="345"/>
    </row>
    <row r="41" spans="1:44" s="229" customFormat="1" ht="22.5" customHeight="1">
      <c r="A41" s="225"/>
      <c r="B41" s="226">
        <v>25</v>
      </c>
      <c r="C41" s="227"/>
      <c r="D41" s="226"/>
      <c r="E41" s="226"/>
      <c r="F41" s="226"/>
      <c r="G41" s="226"/>
      <c r="H41" s="779">
        <f t="shared" si="0"/>
        <v>0</v>
      </c>
      <c r="I41" s="228"/>
      <c r="J41" s="228"/>
      <c r="K41" s="228"/>
      <c r="L41" s="228"/>
      <c r="M41" s="228"/>
      <c r="N41" s="228"/>
      <c r="O41" s="228"/>
      <c r="P41" s="228"/>
      <c r="Q41" s="228"/>
      <c r="R41" s="226"/>
      <c r="S41" s="304"/>
      <c r="T41" s="226"/>
      <c r="U41" s="226"/>
      <c r="V41" s="226"/>
      <c r="W41" s="226"/>
      <c r="X41" s="226"/>
      <c r="Y41" s="226"/>
      <c r="Z41" s="226"/>
      <c r="AA41" s="226"/>
      <c r="AB41" s="313"/>
      <c r="AC41" s="314"/>
      <c r="AD41" s="315"/>
      <c r="AE41" s="313"/>
      <c r="AF41" s="314"/>
      <c r="AG41" s="314"/>
      <c r="AH41" s="314"/>
      <c r="AI41" s="315"/>
      <c r="AJ41" s="226"/>
      <c r="AK41" s="313"/>
      <c r="AL41" s="314"/>
      <c r="AM41" s="314"/>
      <c r="AN41" s="314"/>
      <c r="AO41" s="314"/>
      <c r="AP41" s="351"/>
      <c r="AR41" s="343"/>
    </row>
    <row r="42" spans="1:44" s="229" customFormat="1" ht="22.5" customHeight="1">
      <c r="A42" s="225"/>
      <c r="B42" s="226">
        <v>26</v>
      </c>
      <c r="C42" s="227"/>
      <c r="D42" s="226"/>
      <c r="E42" s="226"/>
      <c r="F42" s="226"/>
      <c r="G42" s="226"/>
      <c r="H42" s="779">
        <f t="shared" si="0"/>
        <v>0</v>
      </c>
      <c r="I42" s="228"/>
      <c r="J42" s="228"/>
      <c r="K42" s="228"/>
      <c r="L42" s="228"/>
      <c r="M42" s="228"/>
      <c r="N42" s="228"/>
      <c r="O42" s="228"/>
      <c r="P42" s="228"/>
      <c r="Q42" s="228"/>
      <c r="R42" s="226"/>
      <c r="S42" s="304"/>
      <c r="T42" s="226"/>
      <c r="U42" s="226"/>
      <c r="V42" s="226"/>
      <c r="W42" s="226"/>
      <c r="X42" s="226"/>
      <c r="Y42" s="226"/>
      <c r="Z42" s="226"/>
      <c r="AA42" s="226"/>
      <c r="AB42" s="313"/>
      <c r="AC42" s="314"/>
      <c r="AD42" s="315"/>
      <c r="AE42" s="313"/>
      <c r="AF42" s="314"/>
      <c r="AG42" s="314"/>
      <c r="AH42" s="314"/>
      <c r="AI42" s="315"/>
      <c r="AJ42" s="226"/>
      <c r="AK42" s="313"/>
      <c r="AL42" s="314"/>
      <c r="AM42" s="314"/>
      <c r="AN42" s="314"/>
      <c r="AO42" s="314"/>
      <c r="AP42" s="351"/>
      <c r="AR42" s="343"/>
    </row>
    <row r="43" spans="1:44" s="229" customFormat="1" ht="22.5" customHeight="1">
      <c r="A43" s="225"/>
      <c r="B43" s="226">
        <v>27</v>
      </c>
      <c r="C43" s="227"/>
      <c r="D43" s="226"/>
      <c r="E43" s="226"/>
      <c r="F43" s="226"/>
      <c r="G43" s="226"/>
      <c r="H43" s="779">
        <f t="shared" si="0"/>
        <v>0</v>
      </c>
      <c r="I43" s="228"/>
      <c r="J43" s="228"/>
      <c r="K43" s="228"/>
      <c r="L43" s="228"/>
      <c r="M43" s="228"/>
      <c r="N43" s="228"/>
      <c r="O43" s="228"/>
      <c r="P43" s="228"/>
      <c r="Q43" s="228"/>
      <c r="R43" s="226"/>
      <c r="S43" s="304"/>
      <c r="T43" s="226"/>
      <c r="U43" s="226"/>
      <c r="V43" s="226"/>
      <c r="W43" s="226"/>
      <c r="X43" s="226"/>
      <c r="Y43" s="226"/>
      <c r="Z43" s="226"/>
      <c r="AA43" s="226"/>
      <c r="AB43" s="313"/>
      <c r="AC43" s="314"/>
      <c r="AD43" s="315"/>
      <c r="AE43" s="313"/>
      <c r="AF43" s="314"/>
      <c r="AG43" s="314"/>
      <c r="AH43" s="314"/>
      <c r="AI43" s="315"/>
      <c r="AJ43" s="226"/>
      <c r="AK43" s="313"/>
      <c r="AL43" s="314"/>
      <c r="AM43" s="314"/>
      <c r="AN43" s="314"/>
      <c r="AO43" s="314"/>
      <c r="AP43" s="351"/>
      <c r="AR43" s="343"/>
    </row>
    <row r="44" spans="1:44" s="229" customFormat="1" ht="22.5" customHeight="1">
      <c r="A44" s="225"/>
      <c r="B44" s="226">
        <v>28</v>
      </c>
      <c r="C44" s="227"/>
      <c r="D44" s="226"/>
      <c r="E44" s="226"/>
      <c r="F44" s="226"/>
      <c r="G44" s="226"/>
      <c r="H44" s="779">
        <f t="shared" si="0"/>
        <v>0</v>
      </c>
      <c r="I44" s="228"/>
      <c r="J44" s="228"/>
      <c r="K44" s="228"/>
      <c r="L44" s="228"/>
      <c r="M44" s="228"/>
      <c r="N44" s="228"/>
      <c r="O44" s="228"/>
      <c r="P44" s="228"/>
      <c r="Q44" s="228"/>
      <c r="R44" s="226"/>
      <c r="S44" s="304"/>
      <c r="T44" s="226"/>
      <c r="U44" s="226"/>
      <c r="V44" s="226"/>
      <c r="W44" s="226"/>
      <c r="X44" s="226"/>
      <c r="Y44" s="226"/>
      <c r="Z44" s="226"/>
      <c r="AA44" s="226"/>
      <c r="AB44" s="313"/>
      <c r="AC44" s="314"/>
      <c r="AD44" s="315"/>
      <c r="AE44" s="313"/>
      <c r="AF44" s="314"/>
      <c r="AG44" s="314"/>
      <c r="AH44" s="314"/>
      <c r="AI44" s="315"/>
      <c r="AJ44" s="226"/>
      <c r="AK44" s="313"/>
      <c r="AL44" s="314"/>
      <c r="AM44" s="314"/>
      <c r="AN44" s="314"/>
      <c r="AO44" s="314"/>
      <c r="AP44" s="351"/>
      <c r="AR44" s="344"/>
    </row>
    <row r="45" spans="1:44" s="1" customFormat="1">
      <c r="S45" s="305"/>
      <c r="AR45" s="346"/>
    </row>
    <row r="46" spans="1:44" s="1" customFormat="1">
      <c r="S46" s="305"/>
      <c r="AR46" s="346"/>
    </row>
    <row r="47" spans="1:44" s="1" customFormat="1">
      <c r="S47" s="305"/>
      <c r="AR47" s="346"/>
    </row>
    <row r="48" spans="1:44" s="1" customFormat="1">
      <c r="S48" s="305"/>
      <c r="AR48" s="346"/>
    </row>
  </sheetData>
  <sheetProtection insertRows="0"/>
  <customSheetViews>
    <customSheetView guid="{96F83B05-D121-40EB-85BB-212F4250A2EA}" scale="85" showPageBreaks="1" fitToPage="1" printArea="1" hiddenColumns="1" topLeftCell="K1">
      <selection activeCell="AH1" sqref="AH1"/>
      <pageMargins left="0.74803149606299213" right="0.74803149606299213" top="0.78740157480314965" bottom="0.78740157480314965" header="0.51181102362204722" footer="0.51181102362204722"/>
      <pageSetup paperSize="8" scale="72" fitToHeight="0" orientation="landscape" r:id="rId1"/>
      <headerFooter alignWithMargins="0"/>
    </customSheetView>
    <customSheetView guid="{0199004E-6640-4BE5-B2D5-6A0A715378D4}" fitToPage="1">
      <pageMargins left="0.75" right="0.75" top="1" bottom="1" header="0.51200000000000001" footer="0.51200000000000001"/>
      <pageSetup paperSize="8" fitToHeight="0" orientation="landscape" r:id="rId2"/>
      <headerFooter alignWithMargins="0"/>
    </customSheetView>
  </customSheetViews>
  <mergeCells count="19">
    <mergeCell ref="AK13:AP13"/>
    <mergeCell ref="T11:T12"/>
    <mergeCell ref="U11:U12"/>
    <mergeCell ref="S11:S12"/>
    <mergeCell ref="V11:Z11"/>
    <mergeCell ref="AA11:AJ11"/>
    <mergeCell ref="AK11:AP11"/>
    <mergeCell ref="W13:Z13"/>
    <mergeCell ref="AB13:AI13"/>
    <mergeCell ref="V5:AP5"/>
    <mergeCell ref="F11:F12"/>
    <mergeCell ref="B11:B12"/>
    <mergeCell ref="C11:C12"/>
    <mergeCell ref="D11:D12"/>
    <mergeCell ref="G11:G12"/>
    <mergeCell ref="R11:R12"/>
    <mergeCell ref="B7:Y7"/>
    <mergeCell ref="E11:E12"/>
    <mergeCell ref="H11:Q11"/>
  </mergeCells>
  <phoneticPr fontId="7"/>
  <dataValidations count="11">
    <dataValidation type="list" allowBlank="1" showInputMessage="1" showErrorMessage="1" sqref="H9" xr:uid="{00000000-0002-0000-1900-000000000000}">
      <formula1>"実績なし"</formula1>
    </dataValidation>
    <dataValidation type="list" allowBlank="1" showInputMessage="1" showErrorMessage="1" sqref="D17:D44" xr:uid="{00000000-0002-0000-1900-000001000000}">
      <formula1>"庁舎,宿泊施設,試験研究施設,病院,大学,その他"</formula1>
    </dataValidation>
    <dataValidation type="list" allowBlank="1" showInputMessage="1" showErrorMessage="1" sqref="G17:G44" xr:uid="{00000000-0002-0000-1900-000002000000}">
      <formula1>"特別管理産業廃棄物,特別管理産業廃棄物以外"</formula1>
    </dataValidation>
    <dataValidation type="list" allowBlank="1" showInputMessage="1" showErrorMessage="1" sqref="T17:T44" xr:uid="{00000000-0002-0000-1900-000003000000}">
      <formula1>"単価,総価"</formula1>
    </dataValidation>
    <dataValidation type="list" allowBlank="1" showInputMessage="1" showErrorMessage="1" sqref="R17:R44" xr:uid="{00000000-0002-0000-1900-000004000000}">
      <formula1>"収集運搬,処分業,収集運搬＋処分業"</formula1>
    </dataValidation>
    <dataValidation type="decimal" operator="greaterThanOrEqual" allowBlank="1" showInputMessage="1" showErrorMessage="1" sqref="H17:Q44" xr:uid="{00000000-0002-0000-1900-000006000000}">
      <formula1>0</formula1>
    </dataValidation>
    <dataValidation type="list" allowBlank="1" showInputMessage="1" showErrorMessage="1" prompt="継続案件_x000a_　毎年度、発生が見込まれる案件_x000a__x000a_単発案件_x000a_　特殊事情により当該年度に発生した案件" sqref="S14:S16" xr:uid="{00000000-0002-0000-1900-000007000000}">
      <formula1>"継続,単発"</formula1>
    </dataValidation>
    <dataValidation type="list" allowBlank="1" showInputMessage="1" showErrorMessage="1" sqref="AA14:AI44" xr:uid="{00000000-0002-0000-1900-000008000000}">
      <formula1>"〇"</formula1>
    </dataValidation>
    <dataValidation type="list" allowBlank="1" showInputMessage="1" showErrorMessage="1" sqref="AK14:AO44" xr:uid="{00000000-0002-0000-1900-000009000000}">
      <formula1>"○"</formula1>
    </dataValidation>
    <dataValidation type="list" allowBlank="1" showInputMessage="1" showErrorMessage="1" prompt="・継続案件・・・毎年度、発生が見込まれる案件_x000a_・単発案件・・・特殊事情により当該年度に発生した案件" sqref="S17:S44" xr:uid="{00000000-0002-0000-1900-00000A000000}">
      <formula1>"継続,単発"</formula1>
    </dataValidation>
    <dataValidation type="list" allowBlank="1" showInputMessage="1" showErrorMessage="1" sqref="U14:U44" xr:uid="{0398EB8B-F873-4E6C-81E6-378B24F385CA}">
      <formula1>"A,B,C,D"</formula1>
    </dataValidation>
  </dataValidations>
  <pageMargins left="0.74803149606299213" right="0.74803149606299213" top="0.78740157480314965" bottom="0.78740157480314965" header="0.51181102362204722" footer="0.51181102362204722"/>
  <pageSetup paperSize="8" scale="53" fitToHeight="0" orientation="landscape" r:id="rId3"/>
  <headerFooter alignWithMargins="0"/>
  <ignoredErrors>
    <ignoredError sqref="V5 H17:H44" unlockedFormula="1"/>
  </ignoredErrors>
  <drawing r:id="rId4"/>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codeName="Sheet23">
    <pageSetUpPr fitToPage="1"/>
  </sheetPr>
  <dimension ref="A1:F47"/>
  <sheetViews>
    <sheetView view="pageBreakPreview" zoomScale="90" zoomScaleNormal="85" zoomScaleSheetLayoutView="90" workbookViewId="0"/>
  </sheetViews>
  <sheetFormatPr defaultRowHeight="13.2"/>
  <cols>
    <col min="1" max="1" width="1.88671875" customWidth="1"/>
    <col min="2" max="2" width="6" bestFit="1" customWidth="1"/>
    <col min="3" max="3" width="18.109375" customWidth="1"/>
    <col min="4" max="4" width="36.6640625" customWidth="1"/>
    <col min="5" max="5" width="40.6640625" customWidth="1"/>
    <col min="6" max="6" width="13.6640625" customWidth="1"/>
  </cols>
  <sheetData>
    <row r="1" spans="1:6">
      <c r="E1" s="253"/>
      <c r="F1" s="251" t="s">
        <v>736</v>
      </c>
    </row>
    <row r="3" spans="1:6" s="254" customFormat="1" ht="19.2">
      <c r="A3" s="1670" t="s">
        <v>1250</v>
      </c>
      <c r="B3" s="1671"/>
      <c r="C3" s="1671"/>
      <c r="D3" s="1671"/>
      <c r="E3" s="1671"/>
      <c r="F3" s="1671"/>
    </row>
    <row r="4" spans="1:6" s="254" customFormat="1" ht="19.2">
      <c r="A4" s="252"/>
      <c r="B4" s="252"/>
      <c r="C4" s="252"/>
      <c r="D4" s="252"/>
      <c r="E4" s="253"/>
    </row>
    <row r="5" spans="1:6" s="256" customFormat="1">
      <c r="A5" s="255"/>
      <c r="B5" s="255"/>
      <c r="C5" s="559" t="s">
        <v>91</v>
      </c>
      <c r="D5" s="296" t="str">
        <f>【調達機関情報】!$D$69</f>
        <v>　</v>
      </c>
      <c r="E5" s="255"/>
    </row>
    <row r="6" spans="1:6" s="256" customFormat="1">
      <c r="A6" s="255"/>
      <c r="B6" s="255"/>
      <c r="C6" s="255"/>
      <c r="D6" s="255"/>
      <c r="E6" s="255"/>
    </row>
    <row r="7" spans="1:6" ht="28.5" customHeight="1">
      <c r="B7" s="1674" t="s">
        <v>625</v>
      </c>
      <c r="C7" s="1674"/>
      <c r="D7" s="1674"/>
      <c r="E7" s="1674"/>
      <c r="F7" s="1674"/>
    </row>
    <row r="8" spans="1:6" s="178" customFormat="1" ht="24" customHeight="1">
      <c r="B8" s="99" t="s">
        <v>90</v>
      </c>
      <c r="C8" s="201" t="s">
        <v>258</v>
      </c>
      <c r="D8" s="99" t="s">
        <v>297</v>
      </c>
      <c r="E8" s="1656" t="s">
        <v>298</v>
      </c>
      <c r="F8" s="1657"/>
    </row>
    <row r="9" spans="1:6" s="180" customFormat="1" ht="84" customHeight="1">
      <c r="A9" s="178"/>
      <c r="B9" s="181" t="s">
        <v>189</v>
      </c>
      <c r="C9" s="203" t="s">
        <v>316</v>
      </c>
      <c r="D9" s="257" t="s">
        <v>299</v>
      </c>
      <c r="E9" s="1672" t="s">
        <v>300</v>
      </c>
      <c r="F9" s="1673"/>
    </row>
    <row r="10" spans="1:6" s="180" customFormat="1" ht="30" customHeight="1">
      <c r="A10" s="178"/>
      <c r="B10" s="181" t="s">
        <v>190</v>
      </c>
      <c r="C10" s="181" t="s">
        <v>301</v>
      </c>
      <c r="D10" s="257" t="s">
        <v>302</v>
      </c>
      <c r="E10" s="1672" t="s">
        <v>303</v>
      </c>
      <c r="F10" s="1673"/>
    </row>
    <row r="11" spans="1:6" s="180" customFormat="1" ht="30" customHeight="1">
      <c r="A11" s="178"/>
      <c r="B11" s="181" t="s">
        <v>191</v>
      </c>
      <c r="C11" s="181" t="s">
        <v>304</v>
      </c>
      <c r="D11" s="257" t="s">
        <v>305</v>
      </c>
      <c r="E11" s="1672" t="s">
        <v>306</v>
      </c>
      <c r="F11" s="1673"/>
    </row>
    <row r="12" spans="1:6" s="180" customFormat="1" ht="80.099999999999994" customHeight="1">
      <c r="A12" s="178"/>
      <c r="B12" s="181" t="s">
        <v>198</v>
      </c>
      <c r="C12" s="181" t="s">
        <v>304</v>
      </c>
      <c r="D12" s="257" t="s">
        <v>318</v>
      </c>
      <c r="E12" s="1672" t="s">
        <v>307</v>
      </c>
      <c r="F12" s="1673"/>
    </row>
    <row r="13" spans="1:6" s="229" customFormat="1" ht="50.1" customHeight="1">
      <c r="A13" s="225"/>
      <c r="B13" s="226">
        <v>1</v>
      </c>
      <c r="C13" s="226"/>
      <c r="D13" s="227"/>
      <c r="E13" s="1675"/>
      <c r="F13" s="1673"/>
    </row>
    <row r="14" spans="1:6" s="229" customFormat="1" ht="50.1" customHeight="1">
      <c r="A14" s="225"/>
      <c r="B14" s="226">
        <v>2</v>
      </c>
      <c r="C14" s="226"/>
      <c r="D14" s="227"/>
      <c r="E14" s="1675"/>
      <c r="F14" s="1673"/>
    </row>
    <row r="15" spans="1:6" s="229" customFormat="1" ht="22.5" customHeight="1">
      <c r="A15" s="225"/>
      <c r="B15" s="258"/>
      <c r="C15" s="258"/>
      <c r="D15" s="259"/>
      <c r="E15" s="259"/>
    </row>
    <row r="16" spans="1:6" ht="28.5" customHeight="1">
      <c r="B16" s="1676" t="s">
        <v>624</v>
      </c>
      <c r="C16" s="1676"/>
      <c r="D16" s="1676"/>
      <c r="E16" s="1676"/>
    </row>
    <row r="17" spans="1:6" s="178" customFormat="1" ht="24" customHeight="1">
      <c r="B17" s="99" t="s">
        <v>90</v>
      </c>
      <c r="C17" s="201" t="s">
        <v>258</v>
      </c>
      <c r="D17" s="99" t="s">
        <v>308</v>
      </c>
      <c r="E17" s="1664" t="s">
        <v>309</v>
      </c>
      <c r="F17" s="1677"/>
    </row>
    <row r="18" spans="1:6" s="180" customFormat="1" ht="84" customHeight="1">
      <c r="A18" s="178"/>
      <c r="B18" s="181" t="s">
        <v>189</v>
      </c>
      <c r="C18" s="203" t="s">
        <v>316</v>
      </c>
      <c r="D18" s="181" t="s">
        <v>310</v>
      </c>
      <c r="E18" s="1672"/>
      <c r="F18" s="1673"/>
    </row>
    <row r="19" spans="1:6" s="180" customFormat="1" ht="60" customHeight="1">
      <c r="A19" s="178"/>
      <c r="B19" s="181" t="s">
        <v>190</v>
      </c>
      <c r="C19" s="181" t="s">
        <v>301</v>
      </c>
      <c r="D19" s="257" t="s">
        <v>311</v>
      </c>
      <c r="E19" s="1672" t="s">
        <v>312</v>
      </c>
      <c r="F19" s="1673"/>
    </row>
    <row r="20" spans="1:6" s="180" customFormat="1" ht="60" customHeight="1">
      <c r="A20" s="178"/>
      <c r="B20" s="181" t="s">
        <v>313</v>
      </c>
      <c r="C20" s="181" t="s">
        <v>263</v>
      </c>
      <c r="D20" s="257" t="s">
        <v>314</v>
      </c>
      <c r="E20" s="1672" t="s">
        <v>315</v>
      </c>
      <c r="F20" s="1673"/>
    </row>
    <row r="21" spans="1:6" s="180" customFormat="1" ht="135" customHeight="1">
      <c r="A21" s="178"/>
      <c r="B21" s="181" t="s">
        <v>191</v>
      </c>
      <c r="C21" s="181" t="s">
        <v>263</v>
      </c>
      <c r="D21" s="257" t="s">
        <v>314</v>
      </c>
      <c r="E21" s="1672" t="s">
        <v>317</v>
      </c>
      <c r="F21" s="1673"/>
    </row>
    <row r="22" spans="1:6" s="229" customFormat="1" ht="50.1" customHeight="1">
      <c r="A22" s="225"/>
      <c r="B22" s="226">
        <v>1</v>
      </c>
      <c r="C22" s="226"/>
      <c r="D22" s="227"/>
      <c r="E22" s="1675"/>
      <c r="F22" s="1673"/>
    </row>
    <row r="23" spans="1:6" s="229" customFormat="1" ht="50.1" customHeight="1">
      <c r="A23" s="225"/>
      <c r="B23" s="226">
        <v>2</v>
      </c>
      <c r="C23" s="226"/>
      <c r="D23" s="227"/>
      <c r="E23" s="1675"/>
      <c r="F23" s="1673"/>
    </row>
    <row r="24" spans="1:6" s="229" customFormat="1" ht="22.5" customHeight="1">
      <c r="A24" s="225"/>
      <c r="B24" s="225"/>
      <c r="C24" s="225"/>
      <c r="D24" s="260"/>
      <c r="E24" s="260"/>
    </row>
    <row r="25" spans="1:6" s="229" customFormat="1" ht="22.5" customHeight="1">
      <c r="A25" s="225"/>
      <c r="B25" s="225"/>
      <c r="C25" s="225"/>
      <c r="D25" s="260"/>
      <c r="E25" s="260"/>
    </row>
    <row r="26" spans="1:6" s="229" customFormat="1" ht="22.5" customHeight="1">
      <c r="A26" s="225"/>
      <c r="B26" s="225"/>
      <c r="C26" s="225"/>
      <c r="D26" s="260"/>
      <c r="E26" s="260"/>
    </row>
    <row r="27" spans="1:6" s="229" customFormat="1" ht="22.5" customHeight="1">
      <c r="A27" s="225"/>
      <c r="B27" s="225"/>
      <c r="C27" s="225"/>
      <c r="D27" s="260"/>
      <c r="E27" s="260"/>
    </row>
    <row r="28" spans="1:6" s="229" customFormat="1" ht="22.5" customHeight="1">
      <c r="A28" s="225"/>
      <c r="B28" s="225"/>
      <c r="C28" s="225"/>
      <c r="D28" s="260"/>
      <c r="E28" s="260"/>
    </row>
    <row r="29" spans="1:6" s="229" customFormat="1" ht="22.5" customHeight="1">
      <c r="A29" s="225"/>
      <c r="B29" s="225"/>
      <c r="C29" s="225"/>
      <c r="D29" s="260"/>
      <c r="E29" s="260"/>
    </row>
    <row r="30" spans="1:6" s="229" customFormat="1" ht="22.5" customHeight="1">
      <c r="A30" s="225"/>
      <c r="B30" s="225"/>
      <c r="C30" s="225"/>
      <c r="D30" s="260"/>
      <c r="E30" s="260"/>
    </row>
    <row r="31" spans="1:6" s="229" customFormat="1" ht="22.5" customHeight="1">
      <c r="A31" s="225"/>
      <c r="B31" s="225"/>
      <c r="C31" s="225"/>
      <c r="D31" s="260"/>
      <c r="E31" s="260"/>
    </row>
    <row r="32" spans="1:6" s="229" customFormat="1" ht="22.5" customHeight="1">
      <c r="A32" s="225"/>
      <c r="B32" s="225"/>
      <c r="C32" s="225"/>
      <c r="D32" s="260"/>
      <c r="E32" s="260"/>
    </row>
    <row r="33" spans="1:5" s="229" customFormat="1" ht="22.5" customHeight="1">
      <c r="A33" s="225"/>
      <c r="B33" s="225"/>
      <c r="C33" s="225"/>
      <c r="D33" s="260"/>
      <c r="E33" s="260"/>
    </row>
    <row r="34" spans="1:5" s="229" customFormat="1" ht="22.5" customHeight="1">
      <c r="A34" s="225"/>
      <c r="B34" s="225"/>
      <c r="C34" s="225"/>
      <c r="D34" s="260"/>
      <c r="E34" s="260"/>
    </row>
    <row r="35" spans="1:5" s="229" customFormat="1" ht="22.5" customHeight="1">
      <c r="A35" s="225"/>
      <c r="B35" s="225"/>
      <c r="C35" s="225"/>
      <c r="D35" s="260"/>
      <c r="E35" s="260"/>
    </row>
    <row r="36" spans="1:5" s="229" customFormat="1" ht="22.5" customHeight="1">
      <c r="A36" s="225"/>
      <c r="B36" s="225"/>
      <c r="C36" s="225"/>
      <c r="D36" s="260"/>
      <c r="E36" s="260"/>
    </row>
    <row r="37" spans="1:5" s="229" customFormat="1" ht="22.5" customHeight="1">
      <c r="A37" s="225"/>
      <c r="B37" s="225"/>
      <c r="C37" s="225"/>
      <c r="D37" s="260"/>
      <c r="E37" s="260"/>
    </row>
    <row r="38" spans="1:5" s="229" customFormat="1" ht="22.5" customHeight="1">
      <c r="A38" s="225"/>
      <c r="B38" s="225"/>
      <c r="C38" s="225"/>
      <c r="D38" s="260"/>
      <c r="E38" s="260"/>
    </row>
    <row r="39" spans="1:5" s="229" customFormat="1" ht="22.5" customHeight="1">
      <c r="A39" s="225"/>
      <c r="B39" s="225"/>
      <c r="C39" s="225"/>
      <c r="D39" s="260"/>
      <c r="E39" s="260"/>
    </row>
    <row r="40" spans="1:5" s="229" customFormat="1" ht="22.5" customHeight="1">
      <c r="A40" s="225"/>
      <c r="B40" s="225"/>
      <c r="C40" s="225"/>
      <c r="D40" s="260"/>
      <c r="E40" s="260"/>
    </row>
    <row r="41" spans="1:5" s="229" customFormat="1" ht="22.5" customHeight="1">
      <c r="A41" s="225"/>
      <c r="B41" s="225"/>
      <c r="C41" s="225"/>
      <c r="D41" s="260"/>
      <c r="E41" s="260"/>
    </row>
    <row r="42" spans="1:5" s="229" customFormat="1" ht="22.5" customHeight="1">
      <c r="A42" s="225"/>
      <c r="B42" s="225"/>
      <c r="C42" s="225"/>
      <c r="D42" s="260"/>
      <c r="E42" s="260"/>
    </row>
    <row r="43" spans="1:5" s="229" customFormat="1" ht="22.5" customHeight="1">
      <c r="A43" s="225"/>
      <c r="B43" s="225"/>
      <c r="C43" s="225"/>
      <c r="D43" s="260"/>
      <c r="E43" s="260"/>
    </row>
    <row r="44" spans="1:5" s="1" customFormat="1"/>
    <row r="45" spans="1:5" s="1" customFormat="1"/>
    <row r="46" spans="1:5" s="1" customFormat="1"/>
    <row r="47" spans="1:5" s="1" customFormat="1"/>
  </sheetData>
  <sheetProtection insertRows="0"/>
  <customSheetViews>
    <customSheetView guid="{96F83B05-D121-40EB-85BB-212F4250A2EA}" fitToPage="1">
      <selection activeCell="A4" sqref="A4"/>
      <pageMargins left="0.74803149606299213" right="0.74803149606299213" top="0.98425196850393704" bottom="0.98425196850393704" header="0.51181102362204722" footer="0.51181102362204722"/>
      <printOptions horizontalCentered="1"/>
      <pageSetup paperSize="9" scale="75" fitToHeight="0" orientation="portrait" r:id="rId1"/>
      <headerFooter alignWithMargins="0"/>
    </customSheetView>
  </customSheetViews>
  <mergeCells count="17">
    <mergeCell ref="E23:F23"/>
    <mergeCell ref="E17:F17"/>
    <mergeCell ref="E19:F19"/>
    <mergeCell ref="E18:F18"/>
    <mergeCell ref="E20:F20"/>
    <mergeCell ref="E21:F21"/>
    <mergeCell ref="E22:F22"/>
    <mergeCell ref="E12:F12"/>
    <mergeCell ref="B7:F7"/>
    <mergeCell ref="E14:F14"/>
    <mergeCell ref="E13:F13"/>
    <mergeCell ref="B16:E16"/>
    <mergeCell ref="A3:F3"/>
    <mergeCell ref="E8:F8"/>
    <mergeCell ref="E9:F9"/>
    <mergeCell ref="E10:F10"/>
    <mergeCell ref="E11:F11"/>
  </mergeCells>
  <phoneticPr fontId="7"/>
  <dataValidations count="2">
    <dataValidation type="list" allowBlank="1" showInputMessage="1" showErrorMessage="1" sqref="C15 C24:C43" xr:uid="{00000000-0002-0000-1A00-000000000000}">
      <formula1>"庁舎,宿泊施設,試験研究施設,病院,大学,その他"</formula1>
    </dataValidation>
    <dataValidation type="list" allowBlank="1" showInputMessage="1" showErrorMessage="1" sqref="C22:C23 C13:C14" xr:uid="{00000000-0002-0000-1A00-000001000000}">
      <formula1>"収集運搬,処分業,収集運搬＋処分業,業務共通"</formula1>
    </dataValidation>
  </dataValidations>
  <printOptions horizontalCentered="1"/>
  <pageMargins left="0.74803149606299213" right="0.74803149606299213" top="0.98425196850393704" bottom="0.98425196850393704" header="0.51181102362204722" footer="0.51181102362204722"/>
  <pageSetup paperSize="9" scale="75" fitToHeight="0" orientation="portrait" r:id="rId2"/>
  <headerFooter alignWithMargins="0"/>
  <ignoredErrors>
    <ignoredError sqref="D5" unlockedFormula="1"/>
  </ignoredErrors>
  <drawing r:id="rId3"/>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codeName="Sheet24">
    <tabColor theme="8" tint="0.59999389629810485"/>
  </sheetPr>
  <dimension ref="B2:D43"/>
  <sheetViews>
    <sheetView view="pageBreakPreview" zoomScale="115" zoomScaleNormal="100" zoomScaleSheetLayoutView="115" workbookViewId="0">
      <selection activeCell="C25" sqref="C25"/>
    </sheetView>
  </sheetViews>
  <sheetFormatPr defaultRowHeight="13.2"/>
  <cols>
    <col min="1" max="1" width="3" customWidth="1"/>
    <col min="2" max="2" width="3.88671875" customWidth="1"/>
    <col min="3" max="3" width="52.88671875" customWidth="1"/>
  </cols>
  <sheetData>
    <row r="2" spans="2:4" s="193" customFormat="1" ht="19.2">
      <c r="B2" s="193" t="s">
        <v>521</v>
      </c>
    </row>
    <row r="4" spans="2:4" s="179" customFormat="1" ht="10.8">
      <c r="C4" s="179" t="s">
        <v>206</v>
      </c>
    </row>
    <row r="5" spans="2:4" s="179" customFormat="1" ht="10.8">
      <c r="C5" s="179" t="s">
        <v>207</v>
      </c>
    </row>
    <row r="7" spans="2:4" ht="14.4">
      <c r="B7" s="191" t="s">
        <v>666</v>
      </c>
    </row>
    <row r="8" spans="2:4" ht="14.4">
      <c r="B8" s="191"/>
    </row>
    <row r="9" spans="2:4">
      <c r="B9" t="s">
        <v>205</v>
      </c>
    </row>
    <row r="11" spans="2:4">
      <c r="B11" s="1678" t="s">
        <v>186</v>
      </c>
      <c r="C11" s="1678"/>
      <c r="D11" s="194" t="s">
        <v>232</v>
      </c>
    </row>
    <row r="12" spans="2:4">
      <c r="B12" s="195">
        <v>1</v>
      </c>
      <c r="C12" s="195" t="s">
        <v>208</v>
      </c>
      <c r="D12" s="196">
        <v>1.1399999999999999</v>
      </c>
    </row>
    <row r="13" spans="2:4">
      <c r="B13" s="195">
        <v>2</v>
      </c>
      <c r="C13" s="195" t="s">
        <v>209</v>
      </c>
      <c r="D13" s="196">
        <v>1.1000000000000001</v>
      </c>
    </row>
    <row r="14" spans="2:4">
      <c r="B14" s="195">
        <v>3</v>
      </c>
      <c r="C14" s="195" t="s">
        <v>210</v>
      </c>
      <c r="D14" s="196">
        <v>0.9</v>
      </c>
    </row>
    <row r="15" spans="2:4">
      <c r="B15" s="195">
        <v>4</v>
      </c>
      <c r="C15" s="195" t="s">
        <v>211</v>
      </c>
      <c r="D15" s="196">
        <v>1.25</v>
      </c>
    </row>
    <row r="16" spans="2:4">
      <c r="B16" s="195">
        <v>5</v>
      </c>
      <c r="C16" s="195" t="s">
        <v>212</v>
      </c>
      <c r="D16" s="196">
        <v>1.1299999999999999</v>
      </c>
    </row>
    <row r="17" spans="2:4">
      <c r="B17" s="195">
        <v>6</v>
      </c>
      <c r="C17" s="195" t="s">
        <v>213</v>
      </c>
      <c r="D17" s="196">
        <v>0.35</v>
      </c>
    </row>
    <row r="18" spans="2:4">
      <c r="B18" s="195">
        <v>7</v>
      </c>
      <c r="C18" s="195" t="s">
        <v>214</v>
      </c>
      <c r="D18" s="196">
        <v>0.3</v>
      </c>
    </row>
    <row r="19" spans="2:4">
      <c r="B19" s="195">
        <v>8</v>
      </c>
      <c r="C19" s="195" t="s">
        <v>215</v>
      </c>
      <c r="D19" s="196">
        <v>0.55000000000000004</v>
      </c>
    </row>
    <row r="20" spans="2:4">
      <c r="B20" s="195">
        <v>9</v>
      </c>
      <c r="C20" s="195" t="s">
        <v>216</v>
      </c>
      <c r="D20" s="196">
        <v>0.12</v>
      </c>
    </row>
    <row r="21" spans="2:4" ht="26.4">
      <c r="B21" s="195">
        <v>10</v>
      </c>
      <c r="C21" s="195" t="s">
        <v>217</v>
      </c>
      <c r="D21" s="196">
        <v>1</v>
      </c>
    </row>
    <row r="22" spans="2:4" ht="26.4">
      <c r="B22" s="195">
        <v>11</v>
      </c>
      <c r="C22" s="195" t="s">
        <v>218</v>
      </c>
      <c r="D22" s="196">
        <v>1</v>
      </c>
    </row>
    <row r="23" spans="2:4">
      <c r="B23" s="195">
        <v>12</v>
      </c>
      <c r="C23" s="195" t="s">
        <v>229</v>
      </c>
      <c r="D23" s="196">
        <v>0.52</v>
      </c>
    </row>
    <row r="24" spans="2:4">
      <c r="B24" s="195">
        <v>13</v>
      </c>
      <c r="C24" s="195" t="s">
        <v>230</v>
      </c>
      <c r="D24" s="196">
        <v>1.1299999999999999</v>
      </c>
    </row>
    <row r="25" spans="2:4" ht="26.4">
      <c r="B25" s="195">
        <v>14</v>
      </c>
      <c r="C25" s="195" t="s">
        <v>231</v>
      </c>
      <c r="D25" s="196">
        <v>1</v>
      </c>
    </row>
    <row r="26" spans="2:4">
      <c r="B26" s="195">
        <v>15</v>
      </c>
      <c r="C26" s="195" t="s">
        <v>219</v>
      </c>
      <c r="D26" s="196">
        <v>1.93</v>
      </c>
    </row>
    <row r="27" spans="2:4" ht="26.4">
      <c r="B27" s="195">
        <v>16</v>
      </c>
      <c r="C27" s="195" t="s">
        <v>220</v>
      </c>
      <c r="D27" s="196">
        <v>1.48</v>
      </c>
    </row>
    <row r="28" spans="2:4">
      <c r="B28" s="195">
        <v>17</v>
      </c>
      <c r="C28" s="195" t="s">
        <v>221</v>
      </c>
      <c r="D28" s="196">
        <v>1</v>
      </c>
    </row>
    <row r="29" spans="2:4">
      <c r="B29" s="195">
        <v>18</v>
      </c>
      <c r="C29" s="195" t="s">
        <v>222</v>
      </c>
      <c r="D29" s="196">
        <v>1</v>
      </c>
    </row>
    <row r="30" spans="2:4">
      <c r="B30" s="195">
        <v>19</v>
      </c>
      <c r="C30" s="195" t="s">
        <v>223</v>
      </c>
      <c r="D30" s="196">
        <v>1.26</v>
      </c>
    </row>
    <row r="31" spans="2:4" ht="26.4">
      <c r="B31" s="195">
        <v>20</v>
      </c>
      <c r="C31" s="195" t="s">
        <v>224</v>
      </c>
      <c r="D31" s="196">
        <v>1</v>
      </c>
    </row>
    <row r="32" spans="2:4">
      <c r="B32" s="195">
        <v>21</v>
      </c>
      <c r="C32" s="195" t="s">
        <v>225</v>
      </c>
      <c r="D32" s="196">
        <v>0.26</v>
      </c>
    </row>
    <row r="33" spans="2:4">
      <c r="B33" s="195">
        <v>22</v>
      </c>
      <c r="C33" s="195" t="s">
        <v>226</v>
      </c>
      <c r="D33" s="196">
        <v>1</v>
      </c>
    </row>
    <row r="34" spans="2:4">
      <c r="B34" s="195">
        <v>23</v>
      </c>
      <c r="C34" s="195" t="s">
        <v>227</v>
      </c>
      <c r="D34" s="196">
        <v>0.3</v>
      </c>
    </row>
    <row r="35" spans="2:4">
      <c r="B35" s="195">
        <v>24</v>
      </c>
      <c r="C35" s="195" t="s">
        <v>228</v>
      </c>
      <c r="D35" s="196">
        <v>0.3</v>
      </c>
    </row>
    <row r="37" spans="2:4" s="198" customFormat="1">
      <c r="B37" s="198" t="s">
        <v>233</v>
      </c>
    </row>
    <row r="38" spans="2:4" s="198" customFormat="1">
      <c r="B38" s="198" t="s">
        <v>234</v>
      </c>
    </row>
    <row r="39" spans="2:4" s="198" customFormat="1">
      <c r="B39" s="198" t="s">
        <v>246</v>
      </c>
    </row>
    <row r="40" spans="2:4" s="198" customFormat="1">
      <c r="B40" s="198" t="s">
        <v>235</v>
      </c>
    </row>
    <row r="41" spans="2:4" s="198" customFormat="1">
      <c r="B41" s="198" t="s">
        <v>247</v>
      </c>
    </row>
    <row r="42" spans="2:4" s="198" customFormat="1">
      <c r="B42" s="198" t="s">
        <v>236</v>
      </c>
    </row>
    <row r="43" spans="2:4" s="198" customFormat="1">
      <c r="B43" s="198" t="s">
        <v>248</v>
      </c>
    </row>
  </sheetData>
  <customSheetViews>
    <customSheetView guid="{96F83B05-D121-40EB-85BB-212F4250A2EA}" showPageBreaks="1" printArea="1" topLeftCell="A7">
      <pageMargins left="0.74803149606299213" right="0.74803149606299213" top="0.98425196850393704" bottom="0.98425196850393704" header="0.51181102362204722" footer="0.51181102362204722"/>
      <printOptions horizontalCentered="1"/>
      <pageSetup paperSize="9" orientation="portrait" r:id="rId1"/>
      <headerFooter alignWithMargins="0"/>
    </customSheetView>
    <customSheetView guid="{0199004E-6640-4BE5-B2D5-6A0A715378D4}">
      <pageMargins left="0.75" right="0.75" top="1" bottom="1" header="0.51200000000000001" footer="0.51200000000000001"/>
      <pageSetup paperSize="9" orientation="portrait" r:id="rId2"/>
      <headerFooter alignWithMargins="0"/>
    </customSheetView>
  </customSheetViews>
  <mergeCells count="1">
    <mergeCell ref="B11:C11"/>
  </mergeCells>
  <phoneticPr fontId="7"/>
  <printOptions horizontalCentered="1"/>
  <pageMargins left="0.74803149606299213" right="0.74803149606299213" top="0.98425196850393704" bottom="0.98425196850393704" header="0.51181102362204722" footer="0.51181102362204722"/>
  <pageSetup paperSize="9" orientation="portrait" r:id="rId3"/>
  <headerFooter alignWithMargins="0"/>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codeName="Sheet14">
    <pageSetUpPr fitToPage="1"/>
  </sheetPr>
  <dimension ref="A1:M56"/>
  <sheetViews>
    <sheetView view="pageBreakPreview" zoomScaleNormal="100" zoomScaleSheetLayoutView="100" workbookViewId="0">
      <selection activeCell="I52" sqref="I52"/>
    </sheetView>
  </sheetViews>
  <sheetFormatPr defaultRowHeight="13.2"/>
  <cols>
    <col min="9" max="9" width="11.109375" customWidth="1"/>
  </cols>
  <sheetData>
    <row r="1" spans="1:13" ht="20.100000000000001" customHeight="1">
      <c r="I1" s="91" t="s">
        <v>735</v>
      </c>
    </row>
    <row r="2" spans="1:13" ht="12" customHeight="1"/>
    <row r="3" spans="1:13" s="54" customFormat="1" ht="19.2">
      <c r="A3" s="62" t="s">
        <v>110</v>
      </c>
      <c r="B3" s="62"/>
      <c r="C3" s="62"/>
      <c r="D3" s="62"/>
      <c r="E3" s="62"/>
      <c r="F3" s="62"/>
      <c r="G3" s="62"/>
      <c r="H3" s="62"/>
      <c r="I3" s="62"/>
      <c r="J3" s="53"/>
      <c r="K3" s="53"/>
      <c r="L3" s="53"/>
      <c r="M3" s="53"/>
    </row>
    <row r="5" spans="1:13" s="52" customFormat="1">
      <c r="E5" s="61" t="s">
        <v>109</v>
      </c>
      <c r="F5" s="1024" t="str">
        <f>【調達機関情報】!D69</f>
        <v>　</v>
      </c>
      <c r="G5" s="1025"/>
      <c r="H5" s="1025"/>
      <c r="I5" s="1025"/>
    </row>
    <row r="7" spans="1:13" ht="16.350000000000001" customHeight="1">
      <c r="A7" s="9" t="s">
        <v>536</v>
      </c>
    </row>
    <row r="8" spans="1:13" ht="16.350000000000001" customHeight="1">
      <c r="B8" t="s">
        <v>500</v>
      </c>
    </row>
    <row r="9" spans="1:13" ht="13.8" thickBot="1">
      <c r="B9" t="s">
        <v>501</v>
      </c>
    </row>
    <row r="10" spans="1:13">
      <c r="B10" s="1679"/>
      <c r="C10" s="1680"/>
      <c r="D10" s="1680"/>
      <c r="E10" s="1680"/>
      <c r="F10" s="1680"/>
      <c r="G10" s="1680"/>
      <c r="H10" s="1681"/>
    </row>
    <row r="11" spans="1:13">
      <c r="B11" s="1682"/>
      <c r="C11" s="1683"/>
      <c r="D11" s="1683"/>
      <c r="E11" s="1683"/>
      <c r="F11" s="1683"/>
      <c r="G11" s="1683"/>
      <c r="H11" s="1684"/>
    </row>
    <row r="12" spans="1:13">
      <c r="B12" s="1682"/>
      <c r="C12" s="1683"/>
      <c r="D12" s="1683"/>
      <c r="E12" s="1683"/>
      <c r="F12" s="1683"/>
      <c r="G12" s="1683"/>
      <c r="H12" s="1684"/>
    </row>
    <row r="13" spans="1:13">
      <c r="B13" s="1682"/>
      <c r="C13" s="1683"/>
      <c r="D13" s="1683"/>
      <c r="E13" s="1683"/>
      <c r="F13" s="1683"/>
      <c r="G13" s="1683"/>
      <c r="H13" s="1684"/>
    </row>
    <row r="14" spans="1:13">
      <c r="B14" s="1682"/>
      <c r="C14" s="1683"/>
      <c r="D14" s="1683"/>
      <c r="E14" s="1683"/>
      <c r="F14" s="1683"/>
      <c r="G14" s="1683"/>
      <c r="H14" s="1684"/>
    </row>
    <row r="15" spans="1:13">
      <c r="B15" s="1682"/>
      <c r="C15" s="1683"/>
      <c r="D15" s="1683"/>
      <c r="E15" s="1683"/>
      <c r="F15" s="1683"/>
      <c r="G15" s="1683"/>
      <c r="H15" s="1684"/>
    </row>
    <row r="16" spans="1:13">
      <c r="B16" s="1682"/>
      <c r="C16" s="1683"/>
      <c r="D16" s="1683"/>
      <c r="E16" s="1683"/>
      <c r="F16" s="1683"/>
      <c r="G16" s="1683"/>
      <c r="H16" s="1684"/>
    </row>
    <row r="17" spans="1:8">
      <c r="B17" s="1682"/>
      <c r="C17" s="1683"/>
      <c r="D17" s="1683"/>
      <c r="E17" s="1683"/>
      <c r="F17" s="1683"/>
      <c r="G17" s="1683"/>
      <c r="H17" s="1684"/>
    </row>
    <row r="18" spans="1:8">
      <c r="B18" s="1682"/>
      <c r="C18" s="1683"/>
      <c r="D18" s="1683"/>
      <c r="E18" s="1683"/>
      <c r="F18" s="1683"/>
      <c r="G18" s="1683"/>
      <c r="H18" s="1684"/>
    </row>
    <row r="19" spans="1:8">
      <c r="B19" s="1682"/>
      <c r="C19" s="1683"/>
      <c r="D19" s="1683"/>
      <c r="E19" s="1683"/>
      <c r="F19" s="1683"/>
      <c r="G19" s="1683"/>
      <c r="H19" s="1684"/>
    </row>
    <row r="20" spans="1:8">
      <c r="B20" s="1682"/>
      <c r="C20" s="1683"/>
      <c r="D20" s="1683"/>
      <c r="E20" s="1683"/>
      <c r="F20" s="1683"/>
      <c r="G20" s="1683"/>
      <c r="H20" s="1684"/>
    </row>
    <row r="21" spans="1:8">
      <c r="B21" s="1682"/>
      <c r="C21" s="1683"/>
      <c r="D21" s="1683"/>
      <c r="E21" s="1683"/>
      <c r="F21" s="1683"/>
      <c r="G21" s="1683"/>
      <c r="H21" s="1684"/>
    </row>
    <row r="22" spans="1:8" ht="13.8" thickBot="1">
      <c r="B22" s="1075"/>
      <c r="C22" s="1076"/>
      <c r="D22" s="1076"/>
      <c r="E22" s="1076"/>
      <c r="F22" s="1076"/>
      <c r="G22" s="1076"/>
      <c r="H22" s="1077"/>
    </row>
    <row r="25" spans="1:8" ht="16.350000000000001" customHeight="1">
      <c r="A25" s="9" t="s">
        <v>265</v>
      </c>
    </row>
    <row r="26" spans="1:8" ht="57.75" customHeight="1" thickBot="1">
      <c r="B26" s="1685" t="s">
        <v>502</v>
      </c>
      <c r="C26" s="1685"/>
      <c r="D26" s="1685"/>
      <c r="E26" s="1685"/>
      <c r="F26" s="1685"/>
      <c r="G26" s="1685"/>
      <c r="H26" s="1685"/>
    </row>
    <row r="27" spans="1:8">
      <c r="B27" s="1679"/>
      <c r="C27" s="1680"/>
      <c r="D27" s="1680"/>
      <c r="E27" s="1680"/>
      <c r="F27" s="1680"/>
      <c r="G27" s="1680"/>
      <c r="H27" s="1681"/>
    </row>
    <row r="28" spans="1:8">
      <c r="B28" s="1682"/>
      <c r="C28" s="1683"/>
      <c r="D28" s="1683"/>
      <c r="E28" s="1683"/>
      <c r="F28" s="1683"/>
      <c r="G28" s="1683"/>
      <c r="H28" s="1684"/>
    </row>
    <row r="29" spans="1:8">
      <c r="B29" s="1682"/>
      <c r="C29" s="1683"/>
      <c r="D29" s="1683"/>
      <c r="E29" s="1683"/>
      <c r="F29" s="1683"/>
      <c r="G29" s="1683"/>
      <c r="H29" s="1684"/>
    </row>
    <row r="30" spans="1:8">
      <c r="B30" s="1682"/>
      <c r="C30" s="1683"/>
      <c r="D30" s="1683"/>
      <c r="E30" s="1683"/>
      <c r="F30" s="1683"/>
      <c r="G30" s="1683"/>
      <c r="H30" s="1684"/>
    </row>
    <row r="31" spans="1:8">
      <c r="B31" s="1682"/>
      <c r="C31" s="1683"/>
      <c r="D31" s="1683"/>
      <c r="E31" s="1683"/>
      <c r="F31" s="1683"/>
      <c r="G31" s="1683"/>
      <c r="H31" s="1684"/>
    </row>
    <row r="32" spans="1:8">
      <c r="B32" s="1682"/>
      <c r="C32" s="1683"/>
      <c r="D32" s="1683"/>
      <c r="E32" s="1683"/>
      <c r="F32" s="1683"/>
      <c r="G32" s="1683"/>
      <c r="H32" s="1684"/>
    </row>
    <row r="33" spans="1:8">
      <c r="B33" s="1682"/>
      <c r="C33" s="1683"/>
      <c r="D33" s="1683"/>
      <c r="E33" s="1683"/>
      <c r="F33" s="1683"/>
      <c r="G33" s="1683"/>
      <c r="H33" s="1684"/>
    </row>
    <row r="34" spans="1:8">
      <c r="B34" s="1682"/>
      <c r="C34" s="1683"/>
      <c r="D34" s="1683"/>
      <c r="E34" s="1683"/>
      <c r="F34" s="1683"/>
      <c r="G34" s="1683"/>
      <c r="H34" s="1684"/>
    </row>
    <row r="35" spans="1:8">
      <c r="B35" s="1682"/>
      <c r="C35" s="1683"/>
      <c r="D35" s="1683"/>
      <c r="E35" s="1683"/>
      <c r="F35" s="1683"/>
      <c r="G35" s="1683"/>
      <c r="H35" s="1684"/>
    </row>
    <row r="36" spans="1:8">
      <c r="B36" s="1682"/>
      <c r="C36" s="1683"/>
      <c r="D36" s="1683"/>
      <c r="E36" s="1683"/>
      <c r="F36" s="1683"/>
      <c r="G36" s="1683"/>
      <c r="H36" s="1684"/>
    </row>
    <row r="37" spans="1:8">
      <c r="B37" s="1682"/>
      <c r="C37" s="1683"/>
      <c r="D37" s="1683"/>
      <c r="E37" s="1683"/>
      <c r="F37" s="1683"/>
      <c r="G37" s="1683"/>
      <c r="H37" s="1684"/>
    </row>
    <row r="38" spans="1:8">
      <c r="B38" s="1682"/>
      <c r="C38" s="1683"/>
      <c r="D38" s="1683"/>
      <c r="E38" s="1683"/>
      <c r="F38" s="1683"/>
      <c r="G38" s="1683"/>
      <c r="H38" s="1684"/>
    </row>
    <row r="39" spans="1:8" ht="13.8" thickBot="1">
      <c r="B39" s="1075"/>
      <c r="C39" s="1076"/>
      <c r="D39" s="1076"/>
      <c r="E39" s="1076"/>
      <c r="F39" s="1076"/>
      <c r="G39" s="1076"/>
      <c r="H39" s="1077"/>
    </row>
    <row r="42" spans="1:8" ht="16.350000000000001" customHeight="1">
      <c r="A42" s="9" t="s">
        <v>266</v>
      </c>
    </row>
    <row r="43" spans="1:8" ht="30.75" customHeight="1" thickBot="1">
      <c r="B43" s="1686" t="s">
        <v>267</v>
      </c>
      <c r="C43" s="1686"/>
      <c r="D43" s="1686"/>
      <c r="E43" s="1686"/>
      <c r="F43" s="1686"/>
      <c r="G43" s="1686"/>
      <c r="H43" s="1686"/>
    </row>
    <row r="44" spans="1:8">
      <c r="B44" s="1679"/>
      <c r="C44" s="1680"/>
      <c r="D44" s="1680"/>
      <c r="E44" s="1680"/>
      <c r="F44" s="1680"/>
      <c r="G44" s="1680"/>
      <c r="H44" s="1681"/>
    </row>
    <row r="45" spans="1:8">
      <c r="B45" s="1682"/>
      <c r="C45" s="1683"/>
      <c r="D45" s="1683"/>
      <c r="E45" s="1683"/>
      <c r="F45" s="1683"/>
      <c r="G45" s="1683"/>
      <c r="H45" s="1684"/>
    </row>
    <row r="46" spans="1:8">
      <c r="B46" s="1682"/>
      <c r="C46" s="1683"/>
      <c r="D46" s="1683"/>
      <c r="E46" s="1683"/>
      <c r="F46" s="1683"/>
      <c r="G46" s="1683"/>
      <c r="H46" s="1684"/>
    </row>
    <row r="47" spans="1:8">
      <c r="B47" s="1682"/>
      <c r="C47" s="1683"/>
      <c r="D47" s="1683"/>
      <c r="E47" s="1683"/>
      <c r="F47" s="1683"/>
      <c r="G47" s="1683"/>
      <c r="H47" s="1684"/>
    </row>
    <row r="48" spans="1:8">
      <c r="B48" s="1682"/>
      <c r="C48" s="1683"/>
      <c r="D48" s="1683"/>
      <c r="E48" s="1683"/>
      <c r="F48" s="1683"/>
      <c r="G48" s="1683"/>
      <c r="H48" s="1684"/>
    </row>
    <row r="49" spans="2:8">
      <c r="B49" s="1682"/>
      <c r="C49" s="1683"/>
      <c r="D49" s="1683"/>
      <c r="E49" s="1683"/>
      <c r="F49" s="1683"/>
      <c r="G49" s="1683"/>
      <c r="H49" s="1684"/>
    </row>
    <row r="50" spans="2:8">
      <c r="B50" s="1682"/>
      <c r="C50" s="1683"/>
      <c r="D50" s="1683"/>
      <c r="E50" s="1683"/>
      <c r="F50" s="1683"/>
      <c r="G50" s="1683"/>
      <c r="H50" s="1684"/>
    </row>
    <row r="51" spans="2:8">
      <c r="B51" s="1682"/>
      <c r="C51" s="1683"/>
      <c r="D51" s="1683"/>
      <c r="E51" s="1683"/>
      <c r="F51" s="1683"/>
      <c r="G51" s="1683"/>
      <c r="H51" s="1684"/>
    </row>
    <row r="52" spans="2:8">
      <c r="B52" s="1682"/>
      <c r="C52" s="1683"/>
      <c r="D52" s="1683"/>
      <c r="E52" s="1683"/>
      <c r="F52" s="1683"/>
      <c r="G52" s="1683"/>
      <c r="H52" s="1684"/>
    </row>
    <row r="53" spans="2:8">
      <c r="B53" s="1682"/>
      <c r="C53" s="1683"/>
      <c r="D53" s="1683"/>
      <c r="E53" s="1683"/>
      <c r="F53" s="1683"/>
      <c r="G53" s="1683"/>
      <c r="H53" s="1684"/>
    </row>
    <row r="54" spans="2:8">
      <c r="B54" s="1682"/>
      <c r="C54" s="1683"/>
      <c r="D54" s="1683"/>
      <c r="E54" s="1683"/>
      <c r="F54" s="1683"/>
      <c r="G54" s="1683"/>
      <c r="H54" s="1684"/>
    </row>
    <row r="55" spans="2:8">
      <c r="B55" s="1682"/>
      <c r="C55" s="1683"/>
      <c r="D55" s="1683"/>
      <c r="E55" s="1683"/>
      <c r="F55" s="1683"/>
      <c r="G55" s="1683"/>
      <c r="H55" s="1684"/>
    </row>
    <row r="56" spans="2:8" ht="13.8" thickBot="1">
      <c r="B56" s="1075"/>
      <c r="C56" s="1076"/>
      <c r="D56" s="1076"/>
      <c r="E56" s="1076"/>
      <c r="F56" s="1076"/>
      <c r="G56" s="1076"/>
      <c r="H56" s="1077"/>
    </row>
  </sheetData>
  <customSheetViews>
    <customSheetView guid="{96F83B05-D121-40EB-85BB-212F4250A2EA}" fitToPage="1" topLeftCell="A19">
      <pageMargins left="0.78740157480314965" right="0.78740157480314965" top="0.78740157480314965" bottom="0.78740157480314965" header="0.51181102362204722" footer="0.51181102362204722"/>
      <pageSetup paperSize="9" scale="94" orientation="portrait" r:id="rId1"/>
      <headerFooter alignWithMargins="0"/>
    </customSheetView>
    <customSheetView guid="{0199004E-6640-4BE5-B2D5-6A0A715378D4}" fitToPage="1">
      <pageMargins left="0.78740157480314965" right="0.78740157480314965" top="0.78740157480314965" bottom="0.78740157480314965" header="0.51181102362204722" footer="0.51181102362204722"/>
      <pageSetup paperSize="9" scale="95" orientation="portrait" r:id="rId2"/>
      <headerFooter alignWithMargins="0"/>
    </customSheetView>
  </customSheetViews>
  <mergeCells count="6">
    <mergeCell ref="B10:H22"/>
    <mergeCell ref="B27:H39"/>
    <mergeCell ref="F5:I5"/>
    <mergeCell ref="B44:H56"/>
    <mergeCell ref="B26:H26"/>
    <mergeCell ref="B43:H43"/>
  </mergeCells>
  <phoneticPr fontId="7"/>
  <pageMargins left="0.78740157480314965" right="0.78740157480314965" top="0.78740157480314965" bottom="0.78740157480314965" header="0.51181102362204722" footer="0.51181102362204722"/>
  <pageSetup paperSize="9" scale="94" orientation="portrait" r:id="rId3"/>
  <headerFooter alignWithMargins="0"/>
  <ignoredErrors>
    <ignoredError sqref="F5" unlockedFormula="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7"/>
  <dimension ref="A1:G37"/>
  <sheetViews>
    <sheetView zoomScaleNormal="100" workbookViewId="0">
      <selection sqref="A1:A37"/>
    </sheetView>
  </sheetViews>
  <sheetFormatPr defaultRowHeight="13.2"/>
  <cols>
    <col min="1" max="1" width="52.44140625" style="783" bestFit="1" customWidth="1"/>
    <col min="2" max="2" width="4.44140625" style="783" bestFit="1" customWidth="1"/>
    <col min="3" max="3" width="11.6640625" style="784" bestFit="1" customWidth="1"/>
    <col min="4" max="7" width="9" style="783"/>
  </cols>
  <sheetData>
    <row r="1" spans="1:5">
      <c r="A1" s="783" t="s">
        <v>1257</v>
      </c>
      <c r="B1" s="783">
        <v>387</v>
      </c>
      <c r="C1" s="784">
        <v>862678.81760000007</v>
      </c>
      <c r="D1" s="783">
        <v>0.17100000000000001</v>
      </c>
      <c r="E1" s="783" t="s">
        <v>1123</v>
      </c>
    </row>
    <row r="2" spans="1:5">
      <c r="A2" s="783" t="s">
        <v>203</v>
      </c>
      <c r="B2" s="783">
        <v>295</v>
      </c>
      <c r="C2" s="784">
        <v>101927.249</v>
      </c>
      <c r="D2" s="783">
        <v>0.44499999999999995</v>
      </c>
      <c r="E2" s="783" t="s">
        <v>1117</v>
      </c>
    </row>
    <row r="3" spans="1:5">
      <c r="A3" s="783" t="s">
        <v>1258</v>
      </c>
      <c r="B3" s="783">
        <v>137</v>
      </c>
      <c r="C3" s="784">
        <v>968091.59299999999</v>
      </c>
      <c r="D3" s="783">
        <v>0.45199999999999996</v>
      </c>
      <c r="E3" s="783" t="s">
        <v>1270</v>
      </c>
    </row>
    <row r="4" spans="1:5">
      <c r="A4" s="783" t="s">
        <v>1115</v>
      </c>
      <c r="B4" s="783">
        <v>110</v>
      </c>
      <c r="C4" s="784">
        <v>373821.21500000003</v>
      </c>
      <c r="D4" s="783">
        <v>0.41499999999999998</v>
      </c>
      <c r="E4" s="783" t="s">
        <v>1145</v>
      </c>
    </row>
    <row r="5" spans="1:5">
      <c r="A5" s="783" t="s">
        <v>674</v>
      </c>
      <c r="B5" s="783">
        <v>106</v>
      </c>
      <c r="C5" s="784">
        <v>168090.571</v>
      </c>
      <c r="D5" s="783">
        <v>0.40400000000000003</v>
      </c>
      <c r="E5" s="783" t="s">
        <v>1141</v>
      </c>
    </row>
    <row r="6" spans="1:5">
      <c r="A6" s="783" t="s">
        <v>675</v>
      </c>
      <c r="B6" s="783">
        <v>102</v>
      </c>
      <c r="C6" s="784">
        <v>341766.788</v>
      </c>
      <c r="D6" s="783">
        <v>0.41599999999999998</v>
      </c>
      <c r="E6" s="783" t="s">
        <v>1124</v>
      </c>
    </row>
    <row r="7" spans="1:5">
      <c r="A7" s="783" t="s">
        <v>1112</v>
      </c>
      <c r="B7" s="783">
        <v>82</v>
      </c>
      <c r="C7" s="784">
        <v>396121.48000000004</v>
      </c>
      <c r="D7" s="783">
        <v>0.49200000000000005</v>
      </c>
      <c r="E7" s="783" t="s">
        <v>1130</v>
      </c>
    </row>
    <row r="8" spans="1:5">
      <c r="A8" s="783" t="s">
        <v>1114</v>
      </c>
      <c r="B8" s="783">
        <v>70</v>
      </c>
      <c r="C8" s="784">
        <v>84443.430000000008</v>
      </c>
      <c r="D8" s="783">
        <v>0.41800000000000004</v>
      </c>
      <c r="E8" s="783" t="s">
        <v>1144</v>
      </c>
    </row>
    <row r="9" spans="1:5">
      <c r="A9" s="783" t="s">
        <v>769</v>
      </c>
      <c r="B9" s="783">
        <v>58</v>
      </c>
      <c r="C9" s="784">
        <v>63771.157999999996</v>
      </c>
      <c r="D9" s="783">
        <v>0.39200000000000002</v>
      </c>
      <c r="E9" s="783" t="s">
        <v>1118</v>
      </c>
    </row>
    <row r="10" spans="1:5">
      <c r="A10" s="783" t="s">
        <v>1259</v>
      </c>
      <c r="B10" s="783">
        <v>52</v>
      </c>
      <c r="C10" s="784">
        <v>40388.701499999996</v>
      </c>
      <c r="D10" s="783">
        <v>0.55999999999999994</v>
      </c>
      <c r="E10" s="783" t="s">
        <v>1139</v>
      </c>
    </row>
    <row r="11" spans="1:5">
      <c r="A11" s="783" t="s">
        <v>627</v>
      </c>
      <c r="B11" s="783">
        <v>43</v>
      </c>
      <c r="C11" s="784">
        <v>9411</v>
      </c>
      <c r="D11" s="783">
        <v>0.36799999999999999</v>
      </c>
      <c r="E11" s="783" t="s">
        <v>1125</v>
      </c>
    </row>
    <row r="12" spans="1:5">
      <c r="A12" s="783" t="s">
        <v>1260</v>
      </c>
      <c r="B12" s="783">
        <v>37</v>
      </c>
      <c r="C12" s="784">
        <v>315.44100000000003</v>
      </c>
      <c r="D12" s="783">
        <v>0.34600000000000003</v>
      </c>
      <c r="E12" s="783" t="s">
        <v>1271</v>
      </c>
    </row>
    <row r="13" spans="1:5">
      <c r="A13" s="783" t="s">
        <v>673</v>
      </c>
      <c r="B13" s="783">
        <v>36</v>
      </c>
      <c r="C13" s="784">
        <v>51200.353999999999</v>
      </c>
      <c r="D13" s="783">
        <v>0.313</v>
      </c>
      <c r="E13" s="783" t="s">
        <v>1272</v>
      </c>
    </row>
    <row r="14" spans="1:5">
      <c r="A14" s="783" t="s">
        <v>565</v>
      </c>
      <c r="B14" s="783">
        <v>32</v>
      </c>
      <c r="C14" s="784">
        <v>114493.40299999999</v>
      </c>
      <c r="D14" s="783">
        <v>0.48700000000000004</v>
      </c>
      <c r="E14" s="783" t="s">
        <v>1138</v>
      </c>
    </row>
    <row r="15" spans="1:5">
      <c r="A15" s="783" t="s">
        <v>1261</v>
      </c>
      <c r="B15" s="783">
        <v>32</v>
      </c>
      <c r="C15" s="784">
        <v>4892.1890000000003</v>
      </c>
      <c r="D15" s="783">
        <v>0.433</v>
      </c>
      <c r="E15" s="783" t="s">
        <v>1129</v>
      </c>
    </row>
    <row r="16" spans="1:5">
      <c r="A16" s="783" t="s">
        <v>1116</v>
      </c>
      <c r="B16" s="783">
        <v>31</v>
      </c>
      <c r="C16" s="784">
        <v>101477.44899999999</v>
      </c>
      <c r="D16" s="783">
        <v>0.49700000000000005</v>
      </c>
      <c r="E16" s="783" t="s">
        <v>1146</v>
      </c>
    </row>
    <row r="17" spans="1:5">
      <c r="A17" s="783" t="s">
        <v>1107</v>
      </c>
      <c r="B17" s="783">
        <v>31</v>
      </c>
      <c r="C17" s="784">
        <v>45979.474000000002</v>
      </c>
      <c r="D17" s="783">
        <v>0.34499999999999997</v>
      </c>
      <c r="E17" s="783" t="s">
        <v>1119</v>
      </c>
    </row>
    <row r="18" spans="1:5">
      <c r="A18" s="783" t="s">
        <v>722</v>
      </c>
      <c r="B18" s="783">
        <v>29</v>
      </c>
      <c r="C18" s="784">
        <v>41398.660000000003</v>
      </c>
      <c r="D18" s="783">
        <v>0.439</v>
      </c>
      <c r="E18" s="783" t="s">
        <v>1121</v>
      </c>
    </row>
    <row r="19" spans="1:5">
      <c r="A19" s="783" t="s">
        <v>1109</v>
      </c>
      <c r="B19" s="783">
        <v>26</v>
      </c>
      <c r="C19" s="784">
        <v>23506.438999999998</v>
      </c>
      <c r="D19" s="783">
        <v>0.29799999999999999</v>
      </c>
      <c r="E19" s="783" t="s">
        <v>1126</v>
      </c>
    </row>
    <row r="20" spans="1:5">
      <c r="A20" s="783" t="s">
        <v>1262</v>
      </c>
      <c r="B20" s="783">
        <v>26</v>
      </c>
      <c r="C20" s="784">
        <v>3746.4880000000003</v>
      </c>
      <c r="D20" s="783">
        <v>0.318</v>
      </c>
      <c r="E20" s="783" t="s">
        <v>1273</v>
      </c>
    </row>
    <row r="21" spans="1:5">
      <c r="A21" s="783" t="s">
        <v>1263</v>
      </c>
      <c r="B21" s="783">
        <v>22</v>
      </c>
      <c r="C21" s="784">
        <v>4305.8320000000003</v>
      </c>
      <c r="D21" s="783">
        <v>0</v>
      </c>
      <c r="E21" s="783" t="s">
        <v>1135</v>
      </c>
    </row>
    <row r="22" spans="1:5">
      <c r="A22" s="783" t="s">
        <v>770</v>
      </c>
      <c r="B22" s="783">
        <v>17</v>
      </c>
      <c r="C22" s="784">
        <v>150.87370000000001</v>
      </c>
      <c r="D22" s="783">
        <v>0.58399999999999996</v>
      </c>
      <c r="E22" s="783" t="s">
        <v>1122</v>
      </c>
    </row>
    <row r="23" spans="1:5">
      <c r="A23" s="783" t="s">
        <v>202</v>
      </c>
      <c r="B23" s="783">
        <v>17</v>
      </c>
      <c r="C23" s="784">
        <v>112700.14599999999</v>
      </c>
      <c r="D23" s="783">
        <v>0.374</v>
      </c>
      <c r="E23" s="783" t="s">
        <v>1132</v>
      </c>
    </row>
    <row r="24" spans="1:5">
      <c r="A24" s="783" t="s">
        <v>1264</v>
      </c>
      <c r="B24" s="783">
        <v>16</v>
      </c>
      <c r="C24" s="784">
        <v>28614.647000000001</v>
      </c>
      <c r="D24" s="783">
        <v>0.47800000000000004</v>
      </c>
      <c r="E24" s="783" t="s">
        <v>1142</v>
      </c>
    </row>
    <row r="25" spans="1:5">
      <c r="A25" s="783" t="s">
        <v>1113</v>
      </c>
      <c r="B25" s="783">
        <v>15</v>
      </c>
      <c r="C25" s="784">
        <v>4031.0789999999997</v>
      </c>
      <c r="D25" s="783">
        <v>0</v>
      </c>
      <c r="E25" s="783" t="s">
        <v>1274</v>
      </c>
    </row>
    <row r="26" spans="1:5">
      <c r="A26" s="783" t="s">
        <v>723</v>
      </c>
      <c r="B26" s="783">
        <v>15</v>
      </c>
      <c r="C26" s="784">
        <v>215.12400000000002</v>
      </c>
      <c r="D26" s="783">
        <v>0.54299999999999993</v>
      </c>
      <c r="E26" s="783" t="s">
        <v>1140</v>
      </c>
    </row>
    <row r="27" spans="1:5">
      <c r="A27" s="783" t="s">
        <v>1265</v>
      </c>
      <c r="B27" s="783">
        <v>13</v>
      </c>
      <c r="C27" s="784">
        <v>30211.811000000002</v>
      </c>
      <c r="D27" s="783">
        <v>0.46700000000000003</v>
      </c>
      <c r="E27" s="783" t="s">
        <v>1137</v>
      </c>
    </row>
    <row r="28" spans="1:5">
      <c r="A28" s="783" t="s">
        <v>1266</v>
      </c>
      <c r="B28" s="783">
        <v>12</v>
      </c>
      <c r="C28" s="784">
        <v>92379.815000000002</v>
      </c>
      <c r="D28" s="783">
        <v>0.60400000000000009</v>
      </c>
      <c r="E28" s="783" t="s">
        <v>1136</v>
      </c>
    </row>
    <row r="29" spans="1:5">
      <c r="A29" s="783" t="s">
        <v>1108</v>
      </c>
      <c r="B29" s="783">
        <v>12</v>
      </c>
      <c r="C29" s="784">
        <v>5311.6370000000006</v>
      </c>
      <c r="D29" s="783">
        <v>0.80099999999999993</v>
      </c>
      <c r="E29" s="783" t="s">
        <v>1120</v>
      </c>
    </row>
    <row r="30" spans="1:5">
      <c r="A30" s="783" t="s">
        <v>1111</v>
      </c>
      <c r="B30" s="783">
        <v>11</v>
      </c>
      <c r="C30" s="784">
        <v>38968.338000000003</v>
      </c>
      <c r="D30" s="783">
        <v>0.57600000000000007</v>
      </c>
      <c r="E30" s="783" t="s">
        <v>1128</v>
      </c>
    </row>
    <row r="31" spans="1:5">
      <c r="A31" s="783" t="s">
        <v>771</v>
      </c>
      <c r="B31" s="783">
        <v>10</v>
      </c>
      <c r="C31" s="784">
        <v>70736.975000000006</v>
      </c>
      <c r="D31" s="783">
        <v>0.17899999999999999</v>
      </c>
      <c r="E31" s="783" t="s">
        <v>1133</v>
      </c>
    </row>
    <row r="32" spans="1:5">
      <c r="A32" s="783" t="s">
        <v>1267</v>
      </c>
      <c r="B32" s="783">
        <v>10</v>
      </c>
      <c r="C32" s="784">
        <v>66236.649999999994</v>
      </c>
      <c r="D32" s="783">
        <v>0.57700000000000007</v>
      </c>
      <c r="E32" s="783" t="s">
        <v>1134</v>
      </c>
    </row>
    <row r="33" spans="1:5">
      <c r="A33" s="783" t="s">
        <v>1268</v>
      </c>
      <c r="B33" s="783">
        <v>8</v>
      </c>
      <c r="C33" s="784">
        <v>26004.532999999999</v>
      </c>
      <c r="D33" s="783">
        <v>0</v>
      </c>
      <c r="E33" s="783" t="s">
        <v>1275</v>
      </c>
    </row>
    <row r="34" spans="1:5">
      <c r="A34" s="783" t="s">
        <v>1269</v>
      </c>
      <c r="B34" s="783">
        <v>7</v>
      </c>
      <c r="C34" s="784">
        <v>6991.6779999999999</v>
      </c>
      <c r="D34" s="783">
        <v>0.33700000000000002</v>
      </c>
      <c r="E34" s="783" t="s">
        <v>1143</v>
      </c>
    </row>
    <row r="35" spans="1:5">
      <c r="A35" s="783" t="s">
        <v>1276</v>
      </c>
      <c r="B35" s="783">
        <v>7</v>
      </c>
      <c r="C35" s="784">
        <v>17770.514999999999</v>
      </c>
      <c r="D35" s="783">
        <v>0.56200000000000006</v>
      </c>
      <c r="E35" s="783" t="s">
        <v>1277</v>
      </c>
    </row>
    <row r="36" spans="1:5">
      <c r="A36" s="783" t="s">
        <v>566</v>
      </c>
      <c r="B36" s="783">
        <v>7</v>
      </c>
      <c r="C36" s="784">
        <v>5700.6909999999998</v>
      </c>
      <c r="D36" s="783">
        <v>0.44600000000000001</v>
      </c>
      <c r="E36" s="783" t="s">
        <v>1131</v>
      </c>
    </row>
    <row r="37" spans="1:5">
      <c r="A37" s="783" t="s">
        <v>1110</v>
      </c>
      <c r="B37" s="783">
        <v>6</v>
      </c>
      <c r="C37" s="784">
        <v>22529.431</v>
      </c>
      <c r="D37" s="783">
        <v>0.42899999999999999</v>
      </c>
      <c r="E37" s="783" t="s">
        <v>1127</v>
      </c>
    </row>
  </sheetData>
  <sortState xmlns:xlrd2="http://schemas.microsoft.com/office/spreadsheetml/2017/richdata2" ref="A1:E51">
    <sortCondition descending="1" ref="B1:B51"/>
  </sortState>
  <phoneticPr fontId="7"/>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dimension ref="B1:G69"/>
  <sheetViews>
    <sheetView view="pageBreakPreview" topLeftCell="A20" zoomScaleNormal="100" zoomScaleSheetLayoutView="100" workbookViewId="0"/>
  </sheetViews>
  <sheetFormatPr defaultColWidth="9" defaultRowHeight="13.2"/>
  <cols>
    <col min="1" max="1" width="2.33203125" style="2" customWidth="1"/>
    <col min="2" max="2" width="2.6640625" style="2" customWidth="1"/>
    <col min="3" max="3" width="14" style="2" bestFit="1" customWidth="1"/>
    <col min="4" max="4" width="50.109375" style="2" customWidth="1"/>
    <col min="5" max="5" width="2.33203125" style="2" customWidth="1"/>
    <col min="6" max="6" width="13.109375" style="166" bestFit="1" customWidth="1"/>
    <col min="7" max="7" width="17.109375" style="166" bestFit="1" customWidth="1"/>
    <col min="8" max="16384" width="9" style="2"/>
  </cols>
  <sheetData>
    <row r="1" spans="2:7" ht="6.75" customHeight="1"/>
    <row r="2" spans="2:7" s="264" customFormat="1" ht="26.25" customHeight="1">
      <c r="B2" s="264" t="s">
        <v>764</v>
      </c>
      <c r="F2" s="166"/>
      <c r="G2" s="166"/>
    </row>
    <row r="3" spans="2:7" ht="7.5" customHeight="1" thickBot="1"/>
    <row r="4" spans="2:7" ht="8.25" customHeight="1" thickTop="1" thickBot="1">
      <c r="B4" s="280"/>
      <c r="C4" s="281"/>
      <c r="D4" s="281"/>
      <c r="E4" s="282"/>
    </row>
    <row r="5" spans="2:7" s="263" customFormat="1" ht="25.35" customHeight="1" thickBot="1">
      <c r="B5" s="283"/>
      <c r="C5" s="265" t="s">
        <v>323</v>
      </c>
      <c r="D5" s="295"/>
      <c r="E5" s="284"/>
      <c r="F5" s="166"/>
      <c r="G5" s="166"/>
    </row>
    <row r="6" spans="2:7">
      <c r="B6" s="285"/>
      <c r="D6" s="276" t="s">
        <v>359</v>
      </c>
      <c r="E6" s="286"/>
    </row>
    <row r="7" spans="2:7">
      <c r="B7" s="285"/>
      <c r="D7" s="277" t="s">
        <v>358</v>
      </c>
      <c r="E7" s="287"/>
    </row>
    <row r="8" spans="2:7">
      <c r="B8" s="285"/>
      <c r="D8" s="277" t="s">
        <v>360</v>
      </c>
      <c r="E8" s="287"/>
    </row>
    <row r="9" spans="2:7" ht="13.8" thickBot="1">
      <c r="B9" s="285"/>
      <c r="E9" s="288"/>
    </row>
    <row r="10" spans="2:7" s="263" customFormat="1" ht="25.35" customHeight="1" thickBot="1">
      <c r="B10" s="283"/>
      <c r="C10" s="265" t="s">
        <v>324</v>
      </c>
      <c r="D10" s="295"/>
      <c r="E10" s="284"/>
      <c r="F10" s="166"/>
      <c r="G10" s="166"/>
    </row>
    <row r="11" spans="2:7">
      <c r="B11" s="285"/>
      <c r="D11" s="276" t="s">
        <v>361</v>
      </c>
      <c r="E11" s="286"/>
    </row>
    <row r="12" spans="2:7">
      <c r="B12" s="285"/>
      <c r="D12" s="277" t="s">
        <v>365</v>
      </c>
      <c r="E12" s="287"/>
    </row>
    <row r="13" spans="2:7">
      <c r="B13" s="285"/>
      <c r="D13" s="277" t="s">
        <v>366</v>
      </c>
      <c r="E13" s="287"/>
    </row>
    <row r="14" spans="2:7">
      <c r="B14" s="285"/>
      <c r="D14" s="277" t="s">
        <v>362</v>
      </c>
      <c r="E14" s="287"/>
    </row>
    <row r="15" spans="2:7">
      <c r="B15" s="285"/>
      <c r="D15" s="277" t="s">
        <v>363</v>
      </c>
      <c r="E15" s="287"/>
    </row>
    <row r="16" spans="2:7" ht="13.8" thickBot="1">
      <c r="B16" s="285"/>
      <c r="E16" s="288"/>
    </row>
    <row r="17" spans="2:7" s="263" customFormat="1" ht="25.35" customHeight="1" thickBot="1">
      <c r="B17" s="283"/>
      <c r="C17" s="265" t="s">
        <v>325</v>
      </c>
      <c r="D17" s="295"/>
      <c r="E17" s="284"/>
      <c r="F17" s="166"/>
      <c r="G17" s="166"/>
    </row>
    <row r="18" spans="2:7">
      <c r="B18" s="285"/>
      <c r="D18" s="276" t="s">
        <v>364</v>
      </c>
      <c r="E18" s="286"/>
    </row>
    <row r="19" spans="2:7" ht="6.75" customHeight="1" thickBot="1">
      <c r="B19" s="289"/>
      <c r="C19" s="290"/>
      <c r="D19" s="291"/>
      <c r="E19" s="292"/>
    </row>
    <row r="20" spans="2:7" ht="13.8" thickTop="1"/>
    <row r="21" spans="2:7" ht="4.5" customHeight="1">
      <c r="B21" s="268"/>
      <c r="C21" s="269"/>
      <c r="D21" s="269"/>
      <c r="E21" s="270"/>
    </row>
    <row r="22" spans="2:7" s="180" customFormat="1" ht="10.8">
      <c r="B22" s="271"/>
      <c r="C22" s="272" t="s">
        <v>369</v>
      </c>
      <c r="E22" s="273"/>
    </row>
    <row r="23" spans="2:7" s="166" customFormat="1" ht="10.8">
      <c r="B23" s="274"/>
      <c r="C23" s="278" t="s">
        <v>323</v>
      </c>
      <c r="D23" s="279" t="s">
        <v>320</v>
      </c>
      <c r="E23" s="209"/>
    </row>
    <row r="24" spans="2:7" s="166" customFormat="1" ht="10.8">
      <c r="B24" s="274"/>
      <c r="C24" s="278" t="s">
        <v>324</v>
      </c>
      <c r="D24" s="279"/>
      <c r="E24" s="209"/>
    </row>
    <row r="25" spans="2:7" s="166" customFormat="1" ht="10.8">
      <c r="B25" s="274"/>
      <c r="C25" s="278" t="s">
        <v>325</v>
      </c>
      <c r="D25" s="279" t="s">
        <v>332</v>
      </c>
      <c r="E25" s="209"/>
    </row>
    <row r="26" spans="2:7" s="166" customFormat="1" ht="10.8">
      <c r="B26" s="274"/>
      <c r="E26" s="209"/>
    </row>
    <row r="27" spans="2:7" s="166" customFormat="1" ht="10.8">
      <c r="B27" s="274"/>
      <c r="C27" s="272" t="s">
        <v>367</v>
      </c>
      <c r="E27" s="209"/>
    </row>
    <row r="28" spans="2:7" s="166" customFormat="1" ht="10.8">
      <c r="B28" s="274"/>
      <c r="C28" s="278" t="s">
        <v>323</v>
      </c>
      <c r="D28" s="279" t="s">
        <v>320</v>
      </c>
      <c r="E28" s="209"/>
    </row>
    <row r="29" spans="2:7" s="166" customFormat="1" ht="10.8">
      <c r="B29" s="274"/>
      <c r="C29" s="278" t="s">
        <v>324</v>
      </c>
      <c r="D29" s="279" t="s">
        <v>368</v>
      </c>
      <c r="E29" s="209"/>
    </row>
    <row r="30" spans="2:7" s="166" customFormat="1" ht="10.8">
      <c r="B30" s="274"/>
      <c r="C30" s="278" t="s">
        <v>325</v>
      </c>
      <c r="D30" s="279" t="s">
        <v>332</v>
      </c>
      <c r="E30" s="209"/>
    </row>
    <row r="31" spans="2:7" s="166" customFormat="1" ht="10.8">
      <c r="B31" s="274"/>
      <c r="E31" s="209"/>
    </row>
    <row r="32" spans="2:7" s="166" customFormat="1" ht="10.8">
      <c r="B32" s="274"/>
      <c r="C32" s="272" t="s">
        <v>370</v>
      </c>
      <c r="E32" s="209"/>
    </row>
    <row r="33" spans="2:5" s="166" customFormat="1" ht="10.8">
      <c r="B33" s="274"/>
      <c r="C33" s="278" t="s">
        <v>323</v>
      </c>
      <c r="D33" s="279" t="s">
        <v>320</v>
      </c>
      <c r="E33" s="209"/>
    </row>
    <row r="34" spans="2:5" s="166" customFormat="1" ht="10.8">
      <c r="B34" s="274"/>
      <c r="C34" s="278" t="s">
        <v>324</v>
      </c>
      <c r="D34" s="279" t="s">
        <v>418</v>
      </c>
      <c r="E34" s="209"/>
    </row>
    <row r="35" spans="2:5" s="166" customFormat="1" ht="10.8">
      <c r="B35" s="274"/>
      <c r="C35" s="278" t="s">
        <v>325</v>
      </c>
      <c r="D35" s="279" t="s">
        <v>352</v>
      </c>
      <c r="E35" s="209"/>
    </row>
    <row r="36" spans="2:5" s="166" customFormat="1" ht="3.75" customHeight="1">
      <c r="B36" s="275"/>
      <c r="C36" s="170"/>
      <c r="D36" s="170"/>
      <c r="E36" s="208"/>
    </row>
    <row r="37" spans="2:5" s="166" customFormat="1" ht="10.8"/>
    <row r="38" spans="2:5" s="166" customFormat="1" ht="10.8">
      <c r="C38" s="266" t="s">
        <v>332</v>
      </c>
      <c r="D38" s="266" t="s">
        <v>352</v>
      </c>
    </row>
    <row r="39" spans="2:5" s="166" customFormat="1" ht="10.8">
      <c r="C39" s="267" t="s">
        <v>350</v>
      </c>
      <c r="D39" s="267" t="s">
        <v>353</v>
      </c>
    </row>
    <row r="40" spans="2:5" s="166" customFormat="1" ht="10.8">
      <c r="C40" s="267" t="s">
        <v>348</v>
      </c>
      <c r="D40" s="267" t="s">
        <v>377</v>
      </c>
    </row>
    <row r="41" spans="2:5" s="166" customFormat="1" ht="10.8">
      <c r="C41" s="267" t="s">
        <v>349</v>
      </c>
      <c r="D41" s="267" t="s">
        <v>378</v>
      </c>
    </row>
    <row r="42" spans="2:5" s="166" customFormat="1" ht="10.8">
      <c r="C42" s="267" t="s">
        <v>351</v>
      </c>
      <c r="D42" s="267" t="s">
        <v>379</v>
      </c>
    </row>
    <row r="43" spans="2:5" s="166" customFormat="1" ht="10.8">
      <c r="C43" s="267" t="s">
        <v>334</v>
      </c>
      <c r="D43" s="267" t="s">
        <v>354</v>
      </c>
    </row>
    <row r="44" spans="2:5" s="166" customFormat="1" ht="10.8">
      <c r="C44" s="267" t="s">
        <v>347</v>
      </c>
      <c r="D44" s="267" t="s">
        <v>355</v>
      </c>
    </row>
    <row r="45" spans="2:5" s="166" customFormat="1" ht="10.8">
      <c r="C45" s="267" t="s">
        <v>337</v>
      </c>
      <c r="D45" s="267" t="s">
        <v>356</v>
      </c>
    </row>
    <row r="46" spans="2:5" s="166" customFormat="1" ht="10.8">
      <c r="C46" s="267" t="s">
        <v>333</v>
      </c>
      <c r="D46" s="267" t="s">
        <v>357</v>
      </c>
    </row>
    <row r="47" spans="2:5" s="166" customFormat="1" ht="10.8">
      <c r="C47" s="267" t="s">
        <v>335</v>
      </c>
      <c r="D47" s="267"/>
    </row>
    <row r="48" spans="2:5" s="166" customFormat="1" ht="10.8">
      <c r="C48" s="454" t="s">
        <v>414</v>
      </c>
      <c r="D48" s="267"/>
    </row>
    <row r="49" spans="3:4" s="166" customFormat="1" ht="10.8">
      <c r="C49" s="454" t="s">
        <v>671</v>
      </c>
      <c r="D49" s="267"/>
    </row>
    <row r="50" spans="3:4" s="166" customFormat="1" ht="10.8">
      <c r="C50" s="454" t="s">
        <v>672</v>
      </c>
      <c r="D50" s="267"/>
    </row>
    <row r="51" spans="3:4" s="166" customFormat="1" ht="10.8">
      <c r="C51" s="267" t="s">
        <v>336</v>
      </c>
      <c r="D51" s="267"/>
    </row>
    <row r="52" spans="3:4" s="166" customFormat="1" ht="10.8">
      <c r="C52" s="267" t="s">
        <v>338</v>
      </c>
      <c r="D52" s="267"/>
    </row>
    <row r="53" spans="3:4" s="166" customFormat="1" ht="10.8">
      <c r="C53" s="267" t="s">
        <v>339</v>
      </c>
      <c r="D53" s="267"/>
    </row>
    <row r="54" spans="3:4" s="166" customFormat="1" ht="10.8">
      <c r="C54" s="267" t="s">
        <v>340</v>
      </c>
      <c r="D54" s="267"/>
    </row>
    <row r="55" spans="3:4" s="166" customFormat="1" ht="10.8">
      <c r="C55" s="267" t="s">
        <v>341</v>
      </c>
      <c r="D55" s="267"/>
    </row>
    <row r="56" spans="3:4" s="166" customFormat="1" ht="10.8">
      <c r="C56" s="267" t="s">
        <v>778</v>
      </c>
      <c r="D56" s="267"/>
    </row>
    <row r="57" spans="3:4" s="166" customFormat="1" ht="10.8">
      <c r="C57" s="267" t="s">
        <v>342</v>
      </c>
      <c r="D57" s="267"/>
    </row>
    <row r="58" spans="3:4" s="166" customFormat="1" ht="10.8">
      <c r="C58" s="267" t="s">
        <v>343</v>
      </c>
      <c r="D58" s="267"/>
    </row>
    <row r="59" spans="3:4" s="166" customFormat="1" ht="10.8">
      <c r="C59" s="267" t="s">
        <v>344</v>
      </c>
      <c r="D59" s="267"/>
    </row>
    <row r="60" spans="3:4" s="166" customFormat="1" ht="10.8">
      <c r="C60" s="267" t="s">
        <v>345</v>
      </c>
      <c r="D60" s="267"/>
    </row>
    <row r="61" spans="3:4" s="166" customFormat="1" ht="10.8">
      <c r="C61" s="267" t="s">
        <v>326</v>
      </c>
      <c r="D61" s="267"/>
    </row>
    <row r="62" spans="3:4" s="166" customFormat="1" ht="10.8">
      <c r="C62" s="267" t="s">
        <v>327</v>
      </c>
      <c r="D62" s="267"/>
    </row>
    <row r="63" spans="3:4" s="166" customFormat="1" ht="10.8">
      <c r="C63" s="267" t="s">
        <v>328</v>
      </c>
      <c r="D63" s="267"/>
    </row>
    <row r="64" spans="3:4" s="166" customFormat="1" ht="10.8">
      <c r="C64" s="267" t="s">
        <v>329</v>
      </c>
      <c r="D64" s="267"/>
    </row>
    <row r="65" spans="3:4" s="166" customFormat="1" ht="10.8">
      <c r="C65" s="267" t="s">
        <v>330</v>
      </c>
      <c r="D65" s="267"/>
    </row>
    <row r="66" spans="3:4" s="166" customFormat="1" ht="10.8">
      <c r="C66" s="267" t="s">
        <v>331</v>
      </c>
      <c r="D66" s="267"/>
    </row>
    <row r="67" spans="3:4" s="166" customFormat="1" ht="10.8">
      <c r="C67" s="267" t="s">
        <v>346</v>
      </c>
      <c r="D67" s="267"/>
    </row>
    <row r="68" spans="3:4" ht="7.5" customHeight="1" thickBot="1"/>
    <row r="69" spans="3:4" ht="13.8" thickBot="1">
      <c r="C69" s="294" t="s">
        <v>371</v>
      </c>
      <c r="D69" s="293" t="str">
        <f>IF( D17= "独立行政法人等",D10,D5&amp;"　"&amp;D10 )</f>
        <v>　</v>
      </c>
    </row>
  </sheetData>
  <customSheetViews>
    <customSheetView guid="{96F83B05-D121-40EB-85BB-212F4250A2EA}">
      <pageMargins left="0.7" right="0.7" top="0.75" bottom="0.75" header="0.3" footer="0.3"/>
      <pageSetup paperSize="9" orientation="portrait" r:id="rId1"/>
    </customSheetView>
  </customSheetViews>
  <phoneticPr fontId="7"/>
  <dataValidations count="3">
    <dataValidation type="list" allowBlank="1" showInputMessage="1" showErrorMessage="1" sqref="D5:E5" xr:uid="{00000000-0002-0000-0300-000000000000}">
      <formula1>$C$39:$C$67</formula1>
    </dataValidation>
    <dataValidation type="list" allowBlank="1" showInputMessage="1" showErrorMessage="1" sqref="D17:E17" xr:uid="{00000000-0002-0000-0300-000001000000}">
      <formula1>$C$38:$D$38</formula1>
    </dataValidation>
    <dataValidation imeMode="on" allowBlank="1" showInputMessage="1" showErrorMessage="1" sqref="D10" xr:uid="{00000000-0002-0000-0300-000002000000}"/>
  </dataValidations>
  <pageMargins left="0.7" right="0.7" top="0.75" bottom="0.75" header="0.3" footer="0.3"/>
  <pageSetup paperSize="9" scale="99" orientation="portrait"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2"/>
  <dimension ref="A1:G42"/>
  <sheetViews>
    <sheetView zoomScaleNormal="100" zoomScaleSheetLayoutView="85" workbookViewId="0"/>
  </sheetViews>
  <sheetFormatPr defaultRowHeight="13.2"/>
  <cols>
    <col min="1" max="1" width="6.6640625" customWidth="1"/>
    <col min="2" max="7" width="18.6640625" customWidth="1"/>
    <col min="8" max="8" width="3.44140625" customWidth="1"/>
  </cols>
  <sheetData>
    <row r="1" spans="1:7" ht="20.100000000000001" customHeight="1">
      <c r="E1" s="364"/>
      <c r="G1" s="90" t="s">
        <v>112</v>
      </c>
    </row>
    <row r="2" spans="1:7" ht="22.5" customHeight="1">
      <c r="E2" s="317"/>
      <c r="G2" s="317" t="s">
        <v>464</v>
      </c>
    </row>
    <row r="3" spans="1:7" ht="19.2">
      <c r="A3" s="872" t="s">
        <v>1228</v>
      </c>
      <c r="B3" s="872"/>
      <c r="C3" s="872"/>
      <c r="D3" s="872"/>
      <c r="E3" s="872"/>
      <c r="F3" s="872"/>
      <c r="G3" s="872"/>
    </row>
    <row r="4" spans="1:7" ht="19.2">
      <c r="E4" s="325"/>
    </row>
    <row r="5" spans="1:7">
      <c r="C5" s="363"/>
      <c r="D5" s="56"/>
      <c r="E5" s="561" t="s">
        <v>91</v>
      </c>
      <c r="F5" s="875" t="str">
        <f>【調達機関情報】!$D$69</f>
        <v>　</v>
      </c>
      <c r="G5" s="875"/>
    </row>
    <row r="7" spans="1:7" ht="14.4">
      <c r="A7" s="330" t="s">
        <v>443</v>
      </c>
    </row>
    <row r="9" spans="1:7" ht="16.350000000000001" customHeight="1" thickBot="1">
      <c r="A9" s="9" t="s">
        <v>261</v>
      </c>
    </row>
    <row r="10" spans="1:7" s="2" customFormat="1" ht="21" customHeight="1" thickBot="1">
      <c r="A10" s="11"/>
      <c r="B10" s="427" t="s">
        <v>411</v>
      </c>
      <c r="C10" s="428"/>
      <c r="D10" s="428"/>
      <c r="E10" s="428"/>
      <c r="F10" s="428"/>
      <c r="G10" s="429"/>
    </row>
    <row r="11" spans="1:7" s="2" customFormat="1" ht="15" thickTop="1">
      <c r="A11" s="11"/>
      <c r="B11" s="424" t="s">
        <v>552</v>
      </c>
      <c r="C11" s="358" t="s">
        <v>462</v>
      </c>
      <c r="D11" s="359" t="s">
        <v>461</v>
      </c>
      <c r="E11" s="360" t="s">
        <v>407</v>
      </c>
      <c r="F11" s="360" t="s">
        <v>459</v>
      </c>
      <c r="G11" s="71" t="s">
        <v>460</v>
      </c>
    </row>
    <row r="12" spans="1:7" ht="14.25" customHeight="1">
      <c r="A12" s="9"/>
      <c r="B12" s="13" t="s">
        <v>250</v>
      </c>
      <c r="C12" s="866" t="s">
        <v>549</v>
      </c>
      <c r="D12" s="868" t="s">
        <v>550</v>
      </c>
      <c r="E12" s="870" t="s">
        <v>551</v>
      </c>
      <c r="F12" s="873" t="s">
        <v>648</v>
      </c>
      <c r="G12" s="876" t="s">
        <v>649</v>
      </c>
    </row>
    <row r="13" spans="1:7" ht="39.6" customHeight="1">
      <c r="A13" s="9"/>
      <c r="B13" s="12"/>
      <c r="C13" s="867"/>
      <c r="D13" s="869"/>
      <c r="E13" s="871"/>
      <c r="F13" s="874"/>
      <c r="G13" s="877"/>
    </row>
    <row r="14" spans="1:7" s="2" customFormat="1" ht="26.25" customHeight="1" thickBot="1">
      <c r="A14" s="11"/>
      <c r="B14" s="219">
        <f>COUNTA('【1-2】電気（高圧・特別高圧）'!$L$21:$L$5015)</f>
        <v>0</v>
      </c>
      <c r="C14" s="432">
        <f>COUNTIF('【1-2】電気（高圧・特別高圧）'!$L$21:$L$5015,"A")</f>
        <v>0</v>
      </c>
      <c r="D14" s="433">
        <f>COUNTIF('【1-2】電気（高圧・特別高圧）'!$L$21:$L$5015,"B")</f>
        <v>0</v>
      </c>
      <c r="E14" s="434">
        <f>COUNTIF('【1-2】電気（高圧・特別高圧）'!$L$21:$L$5015,"C")</f>
        <v>0</v>
      </c>
      <c r="F14" s="434">
        <f>COUNTIF('【1-2】電気（高圧・特別高圧）'!$L$21:$L$5015,"D")</f>
        <v>0</v>
      </c>
      <c r="G14" s="435">
        <f>COUNTIF('【1-2】電気（高圧・特別高圧）'!$L$21:$L$5015,"E")</f>
        <v>0</v>
      </c>
    </row>
    <row r="15" spans="1:7" ht="14.4">
      <c r="A15" s="9"/>
    </row>
    <row r="16" spans="1:7" ht="14.4">
      <c r="A16" s="9"/>
      <c r="B16" s="220"/>
      <c r="C16" s="220"/>
      <c r="D16" s="220"/>
      <c r="E16" s="220"/>
    </row>
    <row r="17" spans="1:7" ht="14.4">
      <c r="A17" s="9"/>
    </row>
    <row r="18" spans="1:7" ht="16.350000000000001" customHeight="1" thickBot="1">
      <c r="A18" s="9" t="s">
        <v>245</v>
      </c>
    </row>
    <row r="19" spans="1:7" s="2" customFormat="1" ht="21" customHeight="1" thickBot="1">
      <c r="A19" s="11"/>
      <c r="B19" s="427" t="s">
        <v>243</v>
      </c>
      <c r="C19" s="425"/>
      <c r="D19" s="425"/>
      <c r="E19" s="425"/>
      <c r="F19" s="425"/>
      <c r="G19" s="426"/>
    </row>
    <row r="20" spans="1:7" s="2" customFormat="1" ht="15" thickTop="1">
      <c r="A20" s="11"/>
      <c r="B20" s="424" t="s">
        <v>552</v>
      </c>
      <c r="C20" s="70" t="s">
        <v>405</v>
      </c>
      <c r="D20" s="197" t="s">
        <v>406</v>
      </c>
      <c r="E20" s="361" t="s">
        <v>407</v>
      </c>
      <c r="F20" s="197" t="s">
        <v>459</v>
      </c>
      <c r="G20" s="71" t="s">
        <v>460</v>
      </c>
    </row>
    <row r="21" spans="1:7" ht="14.25" customHeight="1">
      <c r="A21" s="9"/>
      <c r="B21" s="13" t="s">
        <v>244</v>
      </c>
      <c r="C21" s="866" t="s">
        <v>549</v>
      </c>
      <c r="D21" s="868" t="s">
        <v>550</v>
      </c>
      <c r="E21" s="870" t="s">
        <v>551</v>
      </c>
      <c r="F21" s="873" t="s">
        <v>648</v>
      </c>
      <c r="G21" s="876" t="s">
        <v>649</v>
      </c>
    </row>
    <row r="22" spans="1:7" ht="55.35" customHeight="1">
      <c r="A22" s="9"/>
      <c r="B22" s="12"/>
      <c r="C22" s="867"/>
      <c r="D22" s="869"/>
      <c r="E22" s="871"/>
      <c r="F22" s="874"/>
      <c r="G22" s="877"/>
    </row>
    <row r="23" spans="1:7" s="2" customFormat="1" ht="26.25" customHeight="1" thickBot="1">
      <c r="A23" s="11"/>
      <c r="B23" s="221">
        <f>SUM('【1-2】電気（高圧・特別高圧）'!$G$21:$G$5015)</f>
        <v>0</v>
      </c>
      <c r="C23" s="222">
        <f>SUMIF('【1-2】電気（高圧・特別高圧）'!$L$21:$L$5015,"A",'【1-2】電気（高圧・特別高圧）'!$G$21:$G$5015)</f>
        <v>0</v>
      </c>
      <c r="D23" s="223">
        <f>SUMIF('【1-2】電気（高圧・特別高圧）'!$L$21:$L$5015,"B",'【1-2】電気（高圧・特別高圧）'!$G$21:$G$5015)</f>
        <v>0</v>
      </c>
      <c r="E23" s="362">
        <f>SUMIF('【1-2】電気（高圧・特別高圧）'!$L$21:$L$5015,"C",'【1-2】電気（高圧・特別高圧）'!$G$21:$G$5015)</f>
        <v>0</v>
      </c>
      <c r="F23" s="223">
        <f>SUMIF('【1-2】電気（高圧・特別高圧）'!$L$21:$L$5015,"D",'【1-2】電気（高圧・特別高圧）'!$G$21:$G$5015)</f>
        <v>0</v>
      </c>
      <c r="G23" s="430">
        <f>SUMIF('【1-2】電気（高圧・特別高圧）'!$L$21:$L$5015,"E",'【1-2】電気（高圧・特別高圧）'!$G$21:$G$5015)</f>
        <v>0</v>
      </c>
    </row>
    <row r="24" spans="1:7" s="176" customFormat="1" ht="12"/>
    <row r="25" spans="1:7" s="176" customFormat="1" ht="12"/>
    <row r="26" spans="1:7" ht="14.4">
      <c r="A26" s="330" t="s">
        <v>442</v>
      </c>
    </row>
    <row r="28" spans="1:7" ht="16.350000000000001" customHeight="1" thickBot="1">
      <c r="A28" s="9" t="s">
        <v>261</v>
      </c>
    </row>
    <row r="29" spans="1:7" s="2" customFormat="1" ht="21" customHeight="1" thickBot="1">
      <c r="A29" s="11"/>
      <c r="B29" s="427" t="s">
        <v>411</v>
      </c>
      <c r="C29" s="428"/>
      <c r="D29" s="428"/>
      <c r="E29" s="428"/>
      <c r="F29" s="428"/>
      <c r="G29" s="429"/>
    </row>
    <row r="30" spans="1:7" s="2" customFormat="1" ht="15" thickTop="1">
      <c r="A30" s="11"/>
      <c r="B30" s="424" t="s">
        <v>552</v>
      </c>
      <c r="C30" s="358" t="s">
        <v>405</v>
      </c>
      <c r="D30" s="359" t="s">
        <v>406</v>
      </c>
      <c r="E30" s="360" t="s">
        <v>407</v>
      </c>
      <c r="F30" s="359" t="s">
        <v>459</v>
      </c>
      <c r="G30" s="71" t="s">
        <v>460</v>
      </c>
    </row>
    <row r="31" spans="1:7" ht="14.25" customHeight="1">
      <c r="A31" s="9"/>
      <c r="B31" s="13" t="s">
        <v>250</v>
      </c>
      <c r="C31" s="866" t="s">
        <v>549</v>
      </c>
      <c r="D31" s="868" t="s">
        <v>550</v>
      </c>
      <c r="E31" s="870" t="s">
        <v>551</v>
      </c>
      <c r="F31" s="873" t="s">
        <v>648</v>
      </c>
      <c r="G31" s="876" t="s">
        <v>649</v>
      </c>
    </row>
    <row r="32" spans="1:7" ht="40.35" customHeight="1">
      <c r="A32" s="9"/>
      <c r="B32" s="12"/>
      <c r="C32" s="867"/>
      <c r="D32" s="869"/>
      <c r="E32" s="871"/>
      <c r="F32" s="874"/>
      <c r="G32" s="877"/>
    </row>
    <row r="33" spans="1:7" s="2" customFormat="1" ht="26.25" customHeight="1" thickBot="1">
      <c r="A33" s="11"/>
      <c r="B33" s="219">
        <f>COUNTA('【1-3】電気（低圧等）'!$M$21:$M$5015)</f>
        <v>0</v>
      </c>
      <c r="C33" s="432">
        <f>COUNTIF('【1-3】電気（低圧等）'!$M$21:$M$5015,"A")</f>
        <v>0</v>
      </c>
      <c r="D33" s="433">
        <f>COUNTIF('【1-3】電気（低圧等）'!$M$21:$M$5015,"B")</f>
        <v>0</v>
      </c>
      <c r="E33" s="434">
        <f>COUNTIF('【1-3】電気（低圧等）'!$M$21:$M$5015,"C")</f>
        <v>0</v>
      </c>
      <c r="F33" s="433">
        <f>COUNTIF('【1-3】電気（低圧等）'!$M$21:$M$5015,"D")</f>
        <v>0</v>
      </c>
      <c r="G33" s="435">
        <f>COUNTIF('【1-3】電気（低圧等）'!$M$21:$M$5015,"E")</f>
        <v>0</v>
      </c>
    </row>
    <row r="34" spans="1:7" ht="14.4">
      <c r="A34" s="9"/>
    </row>
    <row r="35" spans="1:7" ht="14.4">
      <c r="A35" s="9"/>
      <c r="B35" s="220"/>
      <c r="C35" s="220"/>
      <c r="D35" s="220"/>
      <c r="E35" s="220"/>
    </row>
    <row r="36" spans="1:7" ht="14.4">
      <c r="A36" s="9"/>
    </row>
    <row r="37" spans="1:7" ht="16.350000000000001" customHeight="1" thickBot="1">
      <c r="A37" s="9" t="s">
        <v>245</v>
      </c>
    </row>
    <row r="38" spans="1:7" s="2" customFormat="1" ht="21" customHeight="1" thickBot="1">
      <c r="A38" s="11"/>
      <c r="B38" s="427" t="s">
        <v>243</v>
      </c>
      <c r="C38" s="428"/>
      <c r="D38" s="428"/>
      <c r="E38" s="428"/>
      <c r="F38" s="428"/>
      <c r="G38" s="429"/>
    </row>
    <row r="39" spans="1:7" s="2" customFormat="1" ht="15" thickTop="1">
      <c r="A39" s="11"/>
      <c r="B39" s="424" t="s">
        <v>552</v>
      </c>
      <c r="C39" s="358" t="s">
        <v>405</v>
      </c>
      <c r="D39" s="359" t="s">
        <v>406</v>
      </c>
      <c r="E39" s="360" t="s">
        <v>407</v>
      </c>
      <c r="F39" s="359" t="s">
        <v>459</v>
      </c>
      <c r="G39" s="71" t="s">
        <v>460</v>
      </c>
    </row>
    <row r="40" spans="1:7" ht="14.25" customHeight="1">
      <c r="A40" s="9"/>
      <c r="B40" s="13" t="s">
        <v>244</v>
      </c>
      <c r="C40" s="866" t="s">
        <v>549</v>
      </c>
      <c r="D40" s="868" t="s">
        <v>550</v>
      </c>
      <c r="E40" s="870" t="s">
        <v>551</v>
      </c>
      <c r="F40" s="873" t="s">
        <v>648</v>
      </c>
      <c r="G40" s="876" t="s">
        <v>649</v>
      </c>
    </row>
    <row r="41" spans="1:7" ht="51" customHeight="1">
      <c r="A41" s="9"/>
      <c r="B41" s="12"/>
      <c r="C41" s="867"/>
      <c r="D41" s="869"/>
      <c r="E41" s="871"/>
      <c r="F41" s="874"/>
      <c r="G41" s="877"/>
    </row>
    <row r="42" spans="1:7" s="2" customFormat="1" ht="26.25" customHeight="1" thickBot="1">
      <c r="A42" s="11"/>
      <c r="B42" s="221">
        <f>SUM('【1-3】電気（低圧等）'!$H$21:$H$5015)</f>
        <v>0</v>
      </c>
      <c r="C42" s="222">
        <f>SUMIF('【1-3】電気（低圧等）'!$M$21:$M$5015,"A",'【1-3】電気（低圧等）'!$H$21:$H$5015)</f>
        <v>0</v>
      </c>
      <c r="D42" s="223">
        <f>SUMIF('【1-3】電気（低圧等）'!$M$21:$M$5015,"B",'【1-3】電気（低圧等）'!$H$21:$H$5015)</f>
        <v>0</v>
      </c>
      <c r="E42" s="362">
        <f>SUMIF('【1-3】電気（低圧等）'!$M$21:$M$5015,"C",'【1-3】電気（低圧等）'!$H$21:$H$5015)</f>
        <v>0</v>
      </c>
      <c r="F42" s="223">
        <f>SUMIF('【1-3】電気（低圧等）'!$M$21:$M$5015,"D",'【1-3】電気（低圧等）'!$H$21:$H$5015)</f>
        <v>0</v>
      </c>
      <c r="G42" s="430">
        <f>SUMIF('【1-3】電気（低圧等）'!$M$21:$M$5015,"E",'【1-3】電気（低圧等）'!$H$21:$H$5015)</f>
        <v>0</v>
      </c>
    </row>
  </sheetData>
  <sheetProtection selectLockedCells="1" selectUnlockedCells="1"/>
  <customSheetViews>
    <customSheetView guid="{96F83B05-D121-40EB-85BB-212F4250A2EA}" showPageBreaks="1" printArea="1" view="pageBreakPreview" topLeftCell="A7">
      <selection activeCell="D15" sqref="D15"/>
      <pageMargins left="0.78740157480314965" right="0.78740157480314965" top="0.78740157480314965" bottom="0.98425196850393704" header="0.51181102362204722" footer="0.51181102362204722"/>
      <pageSetup paperSize="9" scale="62" orientation="portrait" r:id="rId1"/>
      <headerFooter alignWithMargins="0"/>
    </customSheetView>
    <customSheetView guid="{0199004E-6640-4BE5-B2D5-6A0A715378D4}">
      <pageMargins left="0.78740157480314965" right="0.78740157480314965" top="0.78740157480314965" bottom="0.98425196850393704" header="0.51181102362204722" footer="0.51181102362204722"/>
      <pageSetup paperSize="9" orientation="portrait" r:id="rId2"/>
      <headerFooter alignWithMargins="0"/>
    </customSheetView>
  </customSheetViews>
  <mergeCells count="22">
    <mergeCell ref="A3:G3"/>
    <mergeCell ref="F31:F32"/>
    <mergeCell ref="F40:F41"/>
    <mergeCell ref="F12:F13"/>
    <mergeCell ref="F5:G5"/>
    <mergeCell ref="F21:F22"/>
    <mergeCell ref="C31:C32"/>
    <mergeCell ref="D31:D32"/>
    <mergeCell ref="E31:E32"/>
    <mergeCell ref="G12:G13"/>
    <mergeCell ref="G21:G22"/>
    <mergeCell ref="G31:G32"/>
    <mergeCell ref="G40:G41"/>
    <mergeCell ref="C40:C41"/>
    <mergeCell ref="D40:D41"/>
    <mergeCell ref="E40:E41"/>
    <mergeCell ref="C12:C13"/>
    <mergeCell ref="C21:C22"/>
    <mergeCell ref="D21:D22"/>
    <mergeCell ref="E21:E22"/>
    <mergeCell ref="D12:D13"/>
    <mergeCell ref="E12:E13"/>
  </mergeCells>
  <phoneticPr fontId="7"/>
  <dataValidations count="2">
    <dataValidation type="decimal" imeMode="disabled" operator="greaterThanOrEqual" allowBlank="1" showInputMessage="1" showErrorMessage="1" sqref="C14:G14 C23:G23 C33:G33 C42:G42" xr:uid="{00000000-0002-0000-0400-000000000000}">
      <formula1>0</formula1>
    </dataValidation>
    <dataValidation imeMode="on" allowBlank="1" showInputMessage="1" showErrorMessage="1" sqref="D5:F5" xr:uid="{00000000-0002-0000-0400-000001000000}"/>
  </dataValidations>
  <pageMargins left="0.78740157480314965" right="0.78740157480314965" top="0.78740157480314965" bottom="0.98425196850393704" header="0.51181102362204722" footer="0.51181102362204722"/>
  <pageSetup paperSize="9" scale="62" orientation="portrait" r:id="rId3"/>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2">
    <pageSetUpPr fitToPage="1"/>
  </sheetPr>
  <dimension ref="A1:CY105"/>
  <sheetViews>
    <sheetView view="pageBreakPreview" topLeftCell="A9" zoomScale="77" zoomScaleNormal="100" zoomScaleSheetLayoutView="90" workbookViewId="0"/>
  </sheetViews>
  <sheetFormatPr defaultRowHeight="13.2"/>
  <cols>
    <col min="1" max="1" width="4.88671875" customWidth="1"/>
    <col min="2" max="2" width="20.88671875" customWidth="1"/>
    <col min="3" max="3" width="12.77734375" style="803" customWidth="1"/>
    <col min="4" max="4" width="10" bestFit="1" customWidth="1"/>
    <col min="5" max="5" width="9.88671875" customWidth="1"/>
    <col min="6" max="6" width="21.33203125" customWidth="1"/>
    <col min="7" max="8" width="11.109375" style="56" customWidth="1"/>
    <col min="9" max="9" width="13.109375" style="56" customWidth="1"/>
    <col min="10" max="10" width="9.44140625" style="56" customWidth="1"/>
    <col min="11" max="11" width="6.21875" style="56" customWidth="1"/>
    <col min="12" max="12" width="23.88671875" style="1" customWidth="1"/>
    <col min="13" max="13" width="2.88671875" style="1" bestFit="1" customWidth="1"/>
    <col min="14" max="14" width="3.33203125" style="1" bestFit="1" customWidth="1"/>
    <col min="15" max="15" width="12.109375" style="1" customWidth="1"/>
    <col min="16" max="20" width="3.6640625" style="1" customWidth="1"/>
    <col min="21" max="21" width="4.6640625" style="1" customWidth="1"/>
    <col min="22" max="22" width="3.6640625" style="1" customWidth="1"/>
    <col min="23" max="23" width="5.44140625" style="1" customWidth="1"/>
    <col min="24" max="25" width="5.44140625" style="346" bestFit="1" customWidth="1"/>
    <col min="26" max="26" width="14.77734375" style="346" customWidth="1"/>
    <col min="27" max="27" width="6.109375" style="346" customWidth="1"/>
    <col min="28" max="74" width="3.33203125" customWidth="1"/>
    <col min="75" max="75" width="19.44140625" customWidth="1"/>
    <col min="76" max="80" width="3.88671875" customWidth="1"/>
    <col min="81" max="81" width="12.6640625" customWidth="1"/>
    <col min="82" max="82" width="16.88671875" customWidth="1"/>
    <col min="83" max="86" width="4.109375" customWidth="1"/>
    <col min="87" max="87" width="6.44140625" style="377" customWidth="1"/>
    <col min="88" max="88" width="6.44140625" style="381" customWidth="1"/>
    <col min="89" max="89" width="6.44140625" style="377" customWidth="1"/>
    <col min="90" max="96" width="6.44140625" style="98" customWidth="1"/>
    <col min="97" max="97" width="25.44140625" customWidth="1"/>
    <col min="98" max="98" width="14.44140625" bestFit="1" customWidth="1"/>
    <col min="99" max="99" width="22.33203125" customWidth="1"/>
    <col min="100" max="100" width="29.33203125" customWidth="1"/>
  </cols>
  <sheetData>
    <row r="1" spans="1:103" s="3" customFormat="1" ht="20.100000000000001" customHeight="1" thickBot="1">
      <c r="C1" s="801"/>
      <c r="G1" s="55"/>
      <c r="H1" s="55"/>
      <c r="I1" s="55"/>
      <c r="J1" s="55"/>
      <c r="K1" s="55"/>
      <c r="L1" s="1"/>
      <c r="M1" s="1"/>
      <c r="N1" s="1"/>
      <c r="O1" s="1"/>
      <c r="P1" s="1"/>
      <c r="Q1" s="1"/>
      <c r="R1" s="1"/>
      <c r="S1" s="1"/>
      <c r="T1" s="1"/>
      <c r="U1" s="1"/>
      <c r="V1" s="1"/>
      <c r="W1" s="1"/>
      <c r="X1" s="346"/>
      <c r="Y1" s="346"/>
      <c r="Z1" s="346"/>
      <c r="AA1" s="346"/>
      <c r="BO1" s="98"/>
      <c r="BP1" s="98"/>
      <c r="BQ1" s="98"/>
      <c r="BR1" s="98"/>
      <c r="BS1" s="98"/>
      <c r="BT1" s="98"/>
      <c r="BU1" s="98"/>
      <c r="BV1" s="98"/>
      <c r="BW1" s="98"/>
      <c r="CI1" s="921"/>
      <c r="CJ1" s="921"/>
      <c r="CK1" s="921"/>
      <c r="CL1" s="98"/>
      <c r="CM1" s="98"/>
      <c r="CN1" s="98"/>
      <c r="CO1" s="98"/>
      <c r="CP1" s="98"/>
      <c r="CQ1" s="98"/>
      <c r="CR1" s="98"/>
      <c r="CS1" s="388"/>
      <c r="CT1" s="462"/>
      <c r="CU1" s="462"/>
      <c r="CV1" s="462"/>
      <c r="CW1" s="927" t="s">
        <v>81</v>
      </c>
      <c r="CX1" s="928"/>
      <c r="CY1" s="929"/>
    </row>
    <row r="2" spans="1:103" s="3" customFormat="1" ht="12" customHeight="1">
      <c r="C2" s="801"/>
      <c r="G2" s="55"/>
      <c r="H2" s="55"/>
      <c r="I2" s="55"/>
      <c r="J2" s="55"/>
      <c r="K2" s="55"/>
      <c r="L2" s="1"/>
      <c r="M2" s="1"/>
      <c r="N2" s="1"/>
      <c r="O2" s="1"/>
      <c r="P2" s="1"/>
      <c r="Q2" s="1"/>
      <c r="R2" s="1"/>
      <c r="S2" s="1"/>
      <c r="T2" s="1"/>
      <c r="U2" s="1"/>
      <c r="V2" s="1"/>
      <c r="W2" s="1"/>
      <c r="X2" s="346"/>
      <c r="Y2" s="346"/>
      <c r="Z2" s="346"/>
      <c r="AA2" s="346"/>
      <c r="CI2" s="376"/>
      <c r="CJ2" s="380"/>
      <c r="CK2" s="376"/>
      <c r="CL2" s="98"/>
      <c r="CM2" s="98"/>
      <c r="CN2" s="98"/>
      <c r="CO2" s="98"/>
      <c r="CP2" s="98"/>
      <c r="CQ2" s="98"/>
      <c r="CR2" s="98"/>
    </row>
    <row r="3" spans="1:103" ht="23.4">
      <c r="A3" s="184" t="s">
        <v>1229</v>
      </c>
      <c r="B3" s="68"/>
      <c r="C3" s="802"/>
      <c r="D3" s="68"/>
      <c r="E3" s="68"/>
      <c r="F3" s="68"/>
      <c r="G3" s="69"/>
      <c r="H3" s="69"/>
      <c r="I3" s="69"/>
      <c r="J3" s="69"/>
      <c r="K3" s="69"/>
      <c r="AB3" s="68"/>
      <c r="AC3" s="68"/>
      <c r="AD3" s="68"/>
      <c r="AE3" s="68"/>
      <c r="AF3" s="68"/>
      <c r="AG3" s="68"/>
      <c r="AH3" s="68"/>
      <c r="AI3" s="68"/>
      <c r="AJ3" s="68"/>
      <c r="AK3" s="68"/>
      <c r="AL3" s="68"/>
      <c r="AM3" s="68"/>
      <c r="AN3" s="68"/>
      <c r="AO3" s="68"/>
      <c r="AP3" s="68"/>
      <c r="AQ3" s="68"/>
      <c r="AR3" s="68"/>
      <c r="AS3" s="68"/>
      <c r="AT3" s="68"/>
      <c r="AU3" s="68"/>
      <c r="AV3" s="68"/>
      <c r="AW3" s="68"/>
      <c r="AX3" s="68"/>
      <c r="AY3" s="68"/>
      <c r="AZ3" s="68"/>
      <c r="BA3" s="68"/>
      <c r="BB3" s="68"/>
      <c r="BC3" s="68"/>
      <c r="BD3" s="68"/>
      <c r="BE3" s="68"/>
      <c r="BF3" s="68"/>
      <c r="BG3" s="68"/>
      <c r="BH3" s="68"/>
      <c r="BI3" s="68"/>
      <c r="BJ3" s="68"/>
      <c r="BK3" s="68"/>
      <c r="BL3" s="68"/>
      <c r="BM3" s="68"/>
      <c r="BN3" s="68"/>
      <c r="BO3" s="68"/>
      <c r="BP3" s="68"/>
      <c r="BQ3" s="68"/>
      <c r="BR3" s="68"/>
      <c r="BS3" s="68"/>
      <c r="BT3" s="68"/>
      <c r="BU3" s="68"/>
      <c r="BV3" s="68"/>
      <c r="BW3" s="68"/>
      <c r="BX3" s="68"/>
      <c r="BY3" s="68"/>
      <c r="BZ3" s="68"/>
      <c r="CA3" s="68"/>
      <c r="CB3" s="1"/>
    </row>
    <row r="5" spans="1:103" ht="13.8" thickBot="1">
      <c r="E5" t="s">
        <v>91</v>
      </c>
      <c r="F5" s="190"/>
      <c r="G5" s="904" t="str">
        <f>【調達機関情報】!D69</f>
        <v>　</v>
      </c>
      <c r="H5" s="904"/>
      <c r="I5" s="904"/>
      <c r="J5" s="904"/>
      <c r="K5" s="412"/>
      <c r="L5"/>
      <c r="M5"/>
      <c r="N5"/>
      <c r="O5"/>
      <c r="P5"/>
      <c r="Q5"/>
      <c r="R5"/>
      <c r="S5"/>
      <c r="T5"/>
      <c r="U5"/>
      <c r="V5"/>
      <c r="W5"/>
      <c r="X5" s="446"/>
      <c r="Y5" s="446"/>
      <c r="Z5" s="446"/>
      <c r="AA5" s="446"/>
      <c r="AZ5" s="68"/>
      <c r="BA5" s="68"/>
      <c r="BB5" s="68"/>
      <c r="BC5" s="68"/>
      <c r="BD5" s="68"/>
      <c r="BE5" s="68"/>
      <c r="BF5" s="68"/>
      <c r="BG5" s="68"/>
      <c r="BH5" s="68"/>
      <c r="BI5" s="68"/>
      <c r="BJ5" s="68"/>
      <c r="BK5" s="68"/>
      <c r="BL5" s="68"/>
      <c r="BM5" s="68"/>
      <c r="BN5" s="68"/>
      <c r="BO5" s="68"/>
      <c r="BP5" s="68"/>
      <c r="BQ5" s="68"/>
      <c r="BR5" s="68"/>
      <c r="BS5" s="68"/>
      <c r="BT5" s="68"/>
      <c r="BU5" s="68"/>
      <c r="BV5" s="68"/>
      <c r="BW5" s="68"/>
      <c r="CI5"/>
      <c r="CJ5" s="377"/>
      <c r="CK5"/>
      <c r="CL5" s="68"/>
      <c r="CM5" s="68"/>
      <c r="CN5" s="68"/>
      <c r="CO5" s="68"/>
      <c r="CP5" s="68"/>
      <c r="CQ5" s="68"/>
      <c r="CR5" s="68"/>
      <c r="CS5" s="98"/>
      <c r="CT5" s="98"/>
      <c r="CU5" s="98"/>
      <c r="CV5" s="98"/>
    </row>
    <row r="7" spans="1:103">
      <c r="A7" s="443" t="s">
        <v>1251</v>
      </c>
      <c r="B7" s="206"/>
      <c r="C7" s="804"/>
    </row>
    <row r="8" spans="1:103">
      <c r="A8" s="457" t="s">
        <v>663</v>
      </c>
      <c r="B8" s="206"/>
      <c r="C8" s="804"/>
    </row>
    <row r="9" spans="1:103">
      <c r="A9" s="457"/>
      <c r="B9" s="206"/>
      <c r="C9" s="804"/>
    </row>
    <row r="10" spans="1:103" ht="14.4">
      <c r="A10" s="210"/>
      <c r="I10" s="521" t="s">
        <v>535</v>
      </c>
      <c r="J10" s="365"/>
      <c r="K10" s="1"/>
    </row>
    <row r="11" spans="1:103" s="2" customFormat="1" ht="26.1" customHeight="1">
      <c r="A11" s="372"/>
      <c r="B11" s="373"/>
      <c r="C11" s="805"/>
      <c r="G11" s="374"/>
      <c r="H11" s="374"/>
      <c r="I11" s="374"/>
      <c r="J11" s="374"/>
      <c r="K11" s="374"/>
      <c r="L11" s="1"/>
      <c r="M11" s="1"/>
      <c r="N11" s="1"/>
      <c r="O11" s="1"/>
      <c r="P11" s="1"/>
      <c r="Q11" s="1"/>
      <c r="R11" s="1"/>
      <c r="S11" s="1"/>
      <c r="T11" s="1"/>
      <c r="U11" s="1"/>
      <c r="V11" s="1"/>
      <c r="W11" s="1"/>
      <c r="X11" s="346"/>
      <c r="Y11" s="346"/>
      <c r="Z11" s="346"/>
      <c r="AA11" s="346"/>
      <c r="AB11" s="920" t="s">
        <v>489</v>
      </c>
      <c r="AC11" s="920"/>
      <c r="AD11" s="920"/>
      <c r="AE11" s="920"/>
      <c r="AF11" s="920"/>
      <c r="AG11" s="920"/>
      <c r="AH11" s="920"/>
      <c r="AI11" s="920"/>
      <c r="AJ11" s="920"/>
      <c r="AK11" s="920"/>
      <c r="AL11" s="920"/>
      <c r="AM11" s="920"/>
      <c r="AN11" s="920"/>
      <c r="AO11" s="920"/>
      <c r="AP11" s="920"/>
      <c r="AQ11" s="920"/>
      <c r="AR11" s="920"/>
      <c r="AS11" s="920"/>
      <c r="AT11" s="920"/>
      <c r="AU11" s="920"/>
      <c r="AV11" s="920"/>
      <c r="AW11" s="920"/>
      <c r="AX11" s="920"/>
      <c r="AY11" s="920"/>
      <c r="AZ11" s="920"/>
      <c r="BA11" s="920"/>
      <c r="BB11" s="920"/>
      <c r="BC11" s="920"/>
      <c r="BD11" s="920"/>
      <c r="BE11" s="920"/>
      <c r="BF11" s="920"/>
      <c r="BG11" s="920"/>
      <c r="BH11" s="920"/>
      <c r="BI11" s="920"/>
      <c r="BJ11" s="920"/>
      <c r="BK11" s="920"/>
      <c r="BL11" s="920"/>
      <c r="BM11" s="920"/>
      <c r="BN11" s="920"/>
      <c r="BO11" s="920"/>
      <c r="BP11" s="920"/>
      <c r="BQ11" s="920"/>
      <c r="BR11" s="920"/>
      <c r="BS11" s="920"/>
      <c r="BT11" s="920"/>
      <c r="BU11" s="920"/>
      <c r="BV11" s="920"/>
      <c r="BW11" s="920"/>
      <c r="BX11" s="920"/>
      <c r="BY11" s="920"/>
      <c r="BZ11" s="920"/>
      <c r="CA11" s="920"/>
      <c r="CB11" s="920"/>
      <c r="CC11" s="920"/>
      <c r="CD11" s="920"/>
      <c r="CE11" s="920"/>
      <c r="CF11" s="920"/>
      <c r="CG11" s="920"/>
      <c r="CH11" s="920"/>
      <c r="CI11" s="920"/>
      <c r="CJ11" s="920"/>
      <c r="CK11" s="920"/>
      <c r="CL11" s="920"/>
      <c r="CM11" s="920"/>
      <c r="CN11" s="920"/>
      <c r="CO11" s="920"/>
      <c r="CP11" s="920"/>
      <c r="CQ11" s="920"/>
      <c r="CR11" s="920"/>
      <c r="CS11" s="920"/>
      <c r="CT11" s="920"/>
      <c r="CU11" s="920"/>
      <c r="CV11" s="920"/>
      <c r="CW11" s="920"/>
      <c r="CX11" s="920"/>
      <c r="CY11" s="920"/>
    </row>
    <row r="12" spans="1:103" s="2" customFormat="1" ht="55.95" customHeight="1">
      <c r="A12" s="878" t="s">
        <v>90</v>
      </c>
      <c r="B12" s="891" t="s">
        <v>1252</v>
      </c>
      <c r="C12" s="892"/>
      <c r="D12" s="879" t="s">
        <v>481</v>
      </c>
      <c r="E12" s="880"/>
      <c r="F12" s="881"/>
      <c r="G12" s="885" t="s">
        <v>1254</v>
      </c>
      <c r="H12" s="887"/>
      <c r="I12" s="885" t="s">
        <v>463</v>
      </c>
      <c r="J12" s="886"/>
      <c r="K12" s="887"/>
      <c r="L12" s="906" t="s">
        <v>1256</v>
      </c>
      <c r="M12" s="907"/>
      <c r="N12" s="908"/>
      <c r="O12" s="912" t="s">
        <v>1286</v>
      </c>
      <c r="P12" s="913"/>
      <c r="Q12" s="913"/>
      <c r="R12" s="913"/>
      <c r="S12" s="913"/>
      <c r="T12" s="913"/>
      <c r="U12" s="913"/>
      <c r="V12" s="914"/>
      <c r="W12" s="899" t="s">
        <v>765</v>
      </c>
      <c r="X12" s="900"/>
      <c r="Y12" s="900"/>
      <c r="Z12" s="900"/>
      <c r="AA12" s="901"/>
      <c r="AB12" s="932" t="s">
        <v>1285</v>
      </c>
      <c r="AC12" s="932"/>
      <c r="AD12" s="932"/>
      <c r="AE12" s="932"/>
      <c r="AF12" s="932"/>
      <c r="AG12" s="932"/>
      <c r="AH12" s="932"/>
      <c r="AI12" s="932"/>
      <c r="AJ12" s="932"/>
      <c r="AK12" s="932"/>
      <c r="AL12" s="932"/>
      <c r="AM12" s="932"/>
      <c r="AN12" s="932"/>
      <c r="AO12" s="932"/>
      <c r="AP12" s="932"/>
      <c r="AQ12" s="932"/>
      <c r="AR12" s="932"/>
      <c r="AS12" s="932"/>
      <c r="AT12" s="932"/>
      <c r="AU12" s="932"/>
      <c r="AV12" s="932"/>
      <c r="AW12" s="932"/>
      <c r="AX12" s="932"/>
      <c r="AY12" s="932"/>
      <c r="AZ12" s="932"/>
      <c r="BA12" s="932"/>
      <c r="BB12" s="932"/>
      <c r="BC12" s="932"/>
      <c r="BD12" s="932"/>
      <c r="BE12" s="932"/>
      <c r="BF12" s="932"/>
      <c r="BG12" s="932"/>
      <c r="BH12" s="932"/>
      <c r="BI12" s="932"/>
      <c r="BJ12" s="932"/>
      <c r="BK12" s="932"/>
      <c r="BL12" s="932"/>
      <c r="BM12" s="932"/>
      <c r="BN12" s="932"/>
      <c r="BO12" s="932"/>
      <c r="BP12" s="932"/>
      <c r="BQ12" s="932"/>
      <c r="BR12" s="932"/>
      <c r="BS12" s="932"/>
      <c r="BT12" s="932"/>
      <c r="BU12" s="932"/>
      <c r="BV12" s="932"/>
      <c r="BW12" s="932"/>
      <c r="BX12" s="935" t="s">
        <v>925</v>
      </c>
      <c r="BY12" s="935"/>
      <c r="BZ12" s="935"/>
      <c r="CA12" s="935"/>
      <c r="CB12" s="935"/>
      <c r="CC12" s="935"/>
      <c r="CD12" s="935"/>
      <c r="CE12" s="935"/>
      <c r="CF12" s="935"/>
      <c r="CG12" s="935"/>
      <c r="CH12" s="935"/>
      <c r="CI12" s="935"/>
      <c r="CJ12" s="935"/>
      <c r="CK12" s="935"/>
      <c r="CL12" s="933" t="s">
        <v>931</v>
      </c>
      <c r="CM12" s="933"/>
      <c r="CN12" s="933"/>
      <c r="CO12" s="933"/>
      <c r="CP12" s="933"/>
      <c r="CQ12" s="933"/>
      <c r="CR12" s="933"/>
      <c r="CS12" s="933"/>
      <c r="CT12" s="933"/>
      <c r="CU12" s="933"/>
      <c r="CV12" s="933"/>
      <c r="CW12" s="917" t="s">
        <v>926</v>
      </c>
      <c r="CX12" s="917"/>
      <c r="CY12" s="918"/>
    </row>
    <row r="13" spans="1:103" s="185" customFormat="1" ht="72" customHeight="1">
      <c r="A13" s="878"/>
      <c r="B13" s="893"/>
      <c r="C13" s="894"/>
      <c r="D13" s="882"/>
      <c r="E13" s="883"/>
      <c r="F13" s="884"/>
      <c r="G13" s="888"/>
      <c r="H13" s="890"/>
      <c r="I13" s="888"/>
      <c r="J13" s="889"/>
      <c r="K13" s="890"/>
      <c r="L13" s="909"/>
      <c r="M13" s="910"/>
      <c r="N13" s="911"/>
      <c r="O13" s="793"/>
      <c r="P13" s="905" t="s">
        <v>1318</v>
      </c>
      <c r="Q13" s="915"/>
      <c r="R13" s="915"/>
      <c r="S13" s="915"/>
      <c r="T13" s="915"/>
      <c r="U13" s="915"/>
      <c r="V13" s="916"/>
      <c r="W13" s="897" t="s">
        <v>766</v>
      </c>
      <c r="X13" s="898"/>
      <c r="Y13" s="905" t="s">
        <v>1303</v>
      </c>
      <c r="Z13" s="898"/>
      <c r="AA13" s="902" t="s">
        <v>1288</v>
      </c>
      <c r="AB13" s="932"/>
      <c r="AC13" s="932"/>
      <c r="AD13" s="932"/>
      <c r="AE13" s="932"/>
      <c r="AF13" s="932"/>
      <c r="AG13" s="932"/>
      <c r="AH13" s="932"/>
      <c r="AI13" s="932"/>
      <c r="AJ13" s="932"/>
      <c r="AK13" s="932"/>
      <c r="AL13" s="932"/>
      <c r="AM13" s="932"/>
      <c r="AN13" s="932"/>
      <c r="AO13" s="932"/>
      <c r="AP13" s="932"/>
      <c r="AQ13" s="932"/>
      <c r="AR13" s="932"/>
      <c r="AS13" s="932"/>
      <c r="AT13" s="932"/>
      <c r="AU13" s="932"/>
      <c r="AV13" s="932"/>
      <c r="AW13" s="932"/>
      <c r="AX13" s="932"/>
      <c r="AY13" s="932"/>
      <c r="AZ13" s="932"/>
      <c r="BA13" s="932"/>
      <c r="BB13" s="932"/>
      <c r="BC13" s="932"/>
      <c r="BD13" s="932"/>
      <c r="BE13" s="932"/>
      <c r="BF13" s="932"/>
      <c r="BG13" s="932"/>
      <c r="BH13" s="932"/>
      <c r="BI13" s="932"/>
      <c r="BJ13" s="932"/>
      <c r="BK13" s="932"/>
      <c r="BL13" s="932"/>
      <c r="BM13" s="932"/>
      <c r="BN13" s="932"/>
      <c r="BO13" s="932"/>
      <c r="BP13" s="932"/>
      <c r="BQ13" s="932"/>
      <c r="BR13" s="932"/>
      <c r="BS13" s="932"/>
      <c r="BT13" s="932"/>
      <c r="BU13" s="932"/>
      <c r="BV13" s="932"/>
      <c r="BW13" s="932"/>
      <c r="BX13" s="896" t="s">
        <v>629</v>
      </c>
      <c r="BY13" s="896"/>
      <c r="BZ13" s="896"/>
      <c r="CA13" s="896"/>
      <c r="CB13" s="896"/>
      <c r="CC13" s="896"/>
      <c r="CD13" s="922" t="s">
        <v>1235</v>
      </c>
      <c r="CE13" s="934" t="s">
        <v>490</v>
      </c>
      <c r="CF13" s="934"/>
      <c r="CG13" s="934"/>
      <c r="CH13" s="934"/>
      <c r="CI13" s="923" t="s">
        <v>491</v>
      </c>
      <c r="CJ13" s="895" t="s">
        <v>492</v>
      </c>
      <c r="CK13" s="923" t="s">
        <v>475</v>
      </c>
      <c r="CL13" s="924" t="s">
        <v>773</v>
      </c>
      <c r="CM13" s="925"/>
      <c r="CN13" s="925"/>
      <c r="CO13" s="925"/>
      <c r="CP13" s="925"/>
      <c r="CQ13" s="925"/>
      <c r="CR13" s="925"/>
      <c r="CS13" s="926"/>
      <c r="CT13" s="924" t="s">
        <v>478</v>
      </c>
      <c r="CU13" s="925"/>
      <c r="CV13" s="926"/>
      <c r="CW13" s="919" t="s">
        <v>650</v>
      </c>
      <c r="CX13" s="930" t="s">
        <v>660</v>
      </c>
      <c r="CY13" s="919" t="s">
        <v>662</v>
      </c>
    </row>
    <row r="14" spans="1:103" s="187" customFormat="1" ht="150" customHeight="1">
      <c r="A14" s="878"/>
      <c r="B14" s="782" t="s">
        <v>1253</v>
      </c>
      <c r="C14" s="800" t="s">
        <v>1302</v>
      </c>
      <c r="D14" s="321" t="s">
        <v>479</v>
      </c>
      <c r="E14" s="321" t="s">
        <v>84</v>
      </c>
      <c r="F14" s="321" t="s">
        <v>712</v>
      </c>
      <c r="G14" s="386" t="s">
        <v>517</v>
      </c>
      <c r="H14" s="386" t="s">
        <v>1255</v>
      </c>
      <c r="I14" s="386" t="s">
        <v>463</v>
      </c>
      <c r="J14" s="386" t="s">
        <v>508</v>
      </c>
      <c r="K14" s="386" t="s">
        <v>1188</v>
      </c>
      <c r="L14" s="453" t="s">
        <v>922</v>
      </c>
      <c r="M14" s="633" t="s">
        <v>1287</v>
      </c>
      <c r="N14" s="787" t="s">
        <v>933</v>
      </c>
      <c r="O14" s="794" t="s">
        <v>667</v>
      </c>
      <c r="P14" s="786" t="s">
        <v>1278</v>
      </c>
      <c r="Q14" s="786" t="s">
        <v>1279</v>
      </c>
      <c r="R14" s="786" t="s">
        <v>1280</v>
      </c>
      <c r="S14" s="786" t="s">
        <v>1281</v>
      </c>
      <c r="T14" s="786" t="s">
        <v>1282</v>
      </c>
      <c r="U14" s="786" t="s">
        <v>1283</v>
      </c>
      <c r="V14" s="795" t="s">
        <v>1284</v>
      </c>
      <c r="W14" s="790" t="s">
        <v>1189</v>
      </c>
      <c r="X14" s="448" t="s">
        <v>725</v>
      </c>
      <c r="Y14" s="512" t="s">
        <v>767</v>
      </c>
      <c r="Z14" s="512" t="s">
        <v>768</v>
      </c>
      <c r="AA14" s="903"/>
      <c r="AB14" s="326" t="s">
        <v>556</v>
      </c>
      <c r="AC14" s="326" t="s">
        <v>557</v>
      </c>
      <c r="AD14" s="326" t="s">
        <v>558</v>
      </c>
      <c r="AE14" s="326" t="s">
        <v>724</v>
      </c>
      <c r="AF14" s="326" t="s">
        <v>559</v>
      </c>
      <c r="AG14" s="326" t="s">
        <v>560</v>
      </c>
      <c r="AH14" s="326" t="s">
        <v>561</v>
      </c>
      <c r="AI14" s="326" t="s">
        <v>562</v>
      </c>
      <c r="AJ14" s="326" t="s">
        <v>563</v>
      </c>
      <c r="AK14" s="326" t="s">
        <v>564</v>
      </c>
      <c r="AL14" s="186" t="s">
        <v>1257</v>
      </c>
      <c r="AM14" s="186" t="s">
        <v>203</v>
      </c>
      <c r="AN14" s="186" t="s">
        <v>1258</v>
      </c>
      <c r="AO14" s="186" t="s">
        <v>1115</v>
      </c>
      <c r="AP14" s="186" t="s">
        <v>674</v>
      </c>
      <c r="AQ14" s="186" t="s">
        <v>675</v>
      </c>
      <c r="AR14" s="186" t="s">
        <v>1112</v>
      </c>
      <c r="AS14" s="186" t="s">
        <v>1114</v>
      </c>
      <c r="AT14" s="186" t="s">
        <v>769</v>
      </c>
      <c r="AU14" s="186" t="s">
        <v>1259</v>
      </c>
      <c r="AV14" s="186" t="s">
        <v>627</v>
      </c>
      <c r="AW14" s="186" t="s">
        <v>1260</v>
      </c>
      <c r="AX14" s="186" t="s">
        <v>673</v>
      </c>
      <c r="AY14" s="186" t="s">
        <v>565</v>
      </c>
      <c r="AZ14" s="186" t="s">
        <v>1261</v>
      </c>
      <c r="BA14" s="186" t="s">
        <v>1116</v>
      </c>
      <c r="BB14" s="186" t="s">
        <v>1107</v>
      </c>
      <c r="BC14" s="186" t="s">
        <v>722</v>
      </c>
      <c r="BD14" s="186" t="s">
        <v>1109</v>
      </c>
      <c r="BE14" s="186" t="s">
        <v>1262</v>
      </c>
      <c r="BF14" s="186" t="s">
        <v>1263</v>
      </c>
      <c r="BG14" s="186" t="s">
        <v>770</v>
      </c>
      <c r="BH14" s="186" t="s">
        <v>202</v>
      </c>
      <c r="BI14" s="186" t="s">
        <v>1264</v>
      </c>
      <c r="BJ14" s="186" t="s">
        <v>1113</v>
      </c>
      <c r="BK14" s="186" t="s">
        <v>723</v>
      </c>
      <c r="BL14" s="186" t="s">
        <v>1265</v>
      </c>
      <c r="BM14" s="186" t="s">
        <v>1266</v>
      </c>
      <c r="BN14" s="186" t="s">
        <v>1108</v>
      </c>
      <c r="BO14" s="186" t="s">
        <v>1111</v>
      </c>
      <c r="BP14" s="186" t="s">
        <v>771</v>
      </c>
      <c r="BQ14" s="186" t="s">
        <v>1267</v>
      </c>
      <c r="BR14" s="186" t="s">
        <v>1268</v>
      </c>
      <c r="BS14" s="186" t="s">
        <v>1269</v>
      </c>
      <c r="BT14" s="785" t="s">
        <v>1276</v>
      </c>
      <c r="BU14" s="186" t="s">
        <v>566</v>
      </c>
      <c r="BV14" s="186" t="s">
        <v>1110</v>
      </c>
      <c r="BW14" s="186" t="s">
        <v>495</v>
      </c>
      <c r="BX14" s="387" t="s">
        <v>387</v>
      </c>
      <c r="BY14" s="387" t="s">
        <v>388</v>
      </c>
      <c r="BZ14" s="387" t="s">
        <v>380</v>
      </c>
      <c r="CA14" s="387" t="s">
        <v>726</v>
      </c>
      <c r="CB14" s="387" t="s">
        <v>381</v>
      </c>
      <c r="CC14" s="387" t="s">
        <v>727</v>
      </c>
      <c r="CD14" s="922"/>
      <c r="CE14" s="375" t="s">
        <v>514</v>
      </c>
      <c r="CF14" s="375" t="s">
        <v>515</v>
      </c>
      <c r="CG14" s="375" t="s">
        <v>516</v>
      </c>
      <c r="CH14" s="375" t="s">
        <v>381</v>
      </c>
      <c r="CI14" s="923"/>
      <c r="CJ14" s="895"/>
      <c r="CK14" s="923"/>
      <c r="CL14" s="458" t="s">
        <v>641</v>
      </c>
      <c r="CM14" s="458" t="s">
        <v>647</v>
      </c>
      <c r="CN14" s="458" t="s">
        <v>719</v>
      </c>
      <c r="CO14" s="458" t="s">
        <v>720</v>
      </c>
      <c r="CP14" s="458" t="s">
        <v>652</v>
      </c>
      <c r="CQ14" s="513" t="s">
        <v>774</v>
      </c>
      <c r="CR14" s="458" t="s">
        <v>381</v>
      </c>
      <c r="CS14" s="384" t="s">
        <v>630</v>
      </c>
      <c r="CT14" s="400" t="s">
        <v>772</v>
      </c>
      <c r="CU14" s="400" t="s">
        <v>644</v>
      </c>
      <c r="CV14" s="400" t="s">
        <v>483</v>
      </c>
      <c r="CW14" s="919"/>
      <c r="CX14" s="931"/>
      <c r="CY14" s="919"/>
    </row>
    <row r="15" spans="1:103" s="67" customFormat="1" ht="28.5" customHeight="1">
      <c r="A15" s="192" t="s">
        <v>484</v>
      </c>
      <c r="B15" s="188" t="s">
        <v>465</v>
      </c>
      <c r="C15" s="806"/>
      <c r="D15" s="188" t="s">
        <v>480</v>
      </c>
      <c r="E15" s="188" t="s">
        <v>415</v>
      </c>
      <c r="F15" s="188" t="s">
        <v>714</v>
      </c>
      <c r="G15" s="189">
        <v>1234567</v>
      </c>
      <c r="H15" s="189">
        <v>1296295</v>
      </c>
      <c r="I15" s="189" t="s">
        <v>1232</v>
      </c>
      <c r="J15" s="352">
        <v>12</v>
      </c>
      <c r="K15" s="352" t="s">
        <v>1233</v>
      </c>
      <c r="L15" s="322" t="s">
        <v>249</v>
      </c>
      <c r="M15" s="322"/>
      <c r="N15" s="788"/>
      <c r="O15" s="796"/>
      <c r="P15" s="322"/>
      <c r="Q15" s="322"/>
      <c r="R15" s="322"/>
      <c r="S15" s="322"/>
      <c r="T15" s="322"/>
      <c r="U15" s="322"/>
      <c r="V15" s="797"/>
      <c r="W15" s="791"/>
      <c r="X15" s="504"/>
      <c r="Y15" s="504"/>
      <c r="Z15" s="504"/>
      <c r="AA15" s="504"/>
      <c r="AB15" s="192"/>
      <c r="AC15" s="192"/>
      <c r="AD15" s="192" t="s">
        <v>200</v>
      </c>
      <c r="AE15" s="192"/>
      <c r="AF15" s="192"/>
      <c r="AG15" s="192"/>
      <c r="AH15" s="192"/>
      <c r="AI15" s="192"/>
      <c r="AJ15" s="192"/>
      <c r="AK15" s="192"/>
      <c r="AL15" s="192" t="s">
        <v>319</v>
      </c>
      <c r="AM15" s="192" t="s">
        <v>642</v>
      </c>
      <c r="AN15" s="192"/>
      <c r="AO15" s="192" t="s">
        <v>200</v>
      </c>
      <c r="AP15" s="192"/>
      <c r="AQ15" s="192" t="s">
        <v>643</v>
      </c>
      <c r="AR15" s="192"/>
      <c r="AS15" s="192"/>
      <c r="AT15" s="192"/>
      <c r="AU15" s="192"/>
      <c r="AV15" s="192"/>
      <c r="AW15" s="192"/>
      <c r="AX15" s="192"/>
      <c r="AY15" s="192"/>
      <c r="AZ15" s="192"/>
      <c r="BA15" s="192"/>
      <c r="BB15" s="192"/>
      <c r="BC15" s="192"/>
      <c r="BD15" s="192"/>
      <c r="BE15" s="192"/>
      <c r="BF15" s="192"/>
      <c r="BG15" s="192"/>
      <c r="BH15" s="192"/>
      <c r="BI15" s="192"/>
      <c r="BJ15" s="192"/>
      <c r="BK15" s="192"/>
      <c r="BL15" s="192"/>
      <c r="BM15" s="192"/>
      <c r="BN15" s="192"/>
      <c r="BO15" s="192"/>
      <c r="BP15" s="192"/>
      <c r="BQ15" s="192"/>
      <c r="BR15" s="192"/>
      <c r="BS15" s="192"/>
      <c r="BT15" s="192"/>
      <c r="BU15" s="192"/>
      <c r="BV15" s="192"/>
      <c r="BW15" s="188" t="s">
        <v>567</v>
      </c>
      <c r="BX15" s="192" t="s">
        <v>197</v>
      </c>
      <c r="BY15" s="192" t="s">
        <v>197</v>
      </c>
      <c r="BZ15" s="192" t="s">
        <v>197</v>
      </c>
      <c r="CA15" s="192"/>
      <c r="CB15" s="192"/>
      <c r="CC15" s="192"/>
      <c r="CD15" s="188" t="str">
        <f>IF( COUNTIF(AB15:BV15,"◎")=1,INDEX(AB$14:BV$14,1,MATCH("◎",AB15:BV15,0)),"" )</f>
        <v>バンプーパワートレーディング合同会社</v>
      </c>
      <c r="CE15" s="322" t="s">
        <v>197</v>
      </c>
      <c r="CF15" s="192"/>
      <c r="CG15" s="192"/>
      <c r="CH15" s="192"/>
      <c r="CI15" s="516">
        <v>0.42</v>
      </c>
      <c r="CJ15" s="382">
        <v>0.04</v>
      </c>
      <c r="CK15" s="378" t="s">
        <v>924</v>
      </c>
      <c r="CL15" s="322"/>
      <c r="CM15" s="322"/>
      <c r="CN15" s="322"/>
      <c r="CO15" s="322"/>
      <c r="CP15" s="322"/>
      <c r="CQ15" s="322"/>
      <c r="CR15" s="322"/>
      <c r="CS15" s="261"/>
      <c r="CT15" s="261"/>
      <c r="CU15" s="261"/>
      <c r="CV15" s="261"/>
      <c r="CW15" s="451"/>
      <c r="CX15" s="451"/>
      <c r="CY15" s="456"/>
    </row>
    <row r="16" spans="1:103" s="67" customFormat="1" ht="28.5" customHeight="1">
      <c r="A16" s="192" t="s">
        <v>485</v>
      </c>
      <c r="B16" s="188" t="s">
        <v>196</v>
      </c>
      <c r="C16" s="806"/>
      <c r="D16" s="188" t="s">
        <v>480</v>
      </c>
      <c r="E16" s="188" t="s">
        <v>416</v>
      </c>
      <c r="F16" s="188" t="s">
        <v>715</v>
      </c>
      <c r="G16" s="189">
        <v>55555</v>
      </c>
      <c r="H16" s="189">
        <v>54443</v>
      </c>
      <c r="I16" s="189" t="s">
        <v>1313</v>
      </c>
      <c r="J16" s="352">
        <v>18</v>
      </c>
      <c r="K16" s="352" t="s">
        <v>1311</v>
      </c>
      <c r="L16" s="322" t="s">
        <v>277</v>
      </c>
      <c r="M16" s="322"/>
      <c r="N16" s="788"/>
      <c r="O16" s="796" t="s">
        <v>197</v>
      </c>
      <c r="P16" s="322"/>
      <c r="Q16" s="322"/>
      <c r="R16" s="322"/>
      <c r="S16" s="322"/>
      <c r="T16" s="322"/>
      <c r="U16" s="322"/>
      <c r="V16" s="797"/>
      <c r="W16" s="791" t="s">
        <v>197</v>
      </c>
      <c r="X16" s="504">
        <v>0.2</v>
      </c>
      <c r="Y16" s="504" t="s">
        <v>197</v>
      </c>
      <c r="Z16" s="504"/>
      <c r="AA16" s="504">
        <v>0.25</v>
      </c>
      <c r="AB16" s="192"/>
      <c r="AC16" s="192"/>
      <c r="AD16" s="192" t="s">
        <v>204</v>
      </c>
      <c r="AE16" s="192"/>
      <c r="AF16" s="192"/>
      <c r="AG16" s="192"/>
      <c r="AH16" s="192"/>
      <c r="AI16" s="192"/>
      <c r="AJ16" s="192"/>
      <c r="AK16" s="192"/>
      <c r="AL16" s="192"/>
      <c r="AM16" s="192" t="s">
        <v>200</v>
      </c>
      <c r="AN16" s="192"/>
      <c r="AO16" s="192"/>
      <c r="AP16" s="192"/>
      <c r="AQ16" s="192"/>
      <c r="AR16" s="192"/>
      <c r="AS16" s="192"/>
      <c r="AT16" s="192"/>
      <c r="AU16" s="192"/>
      <c r="AV16" s="192"/>
      <c r="AW16" s="192"/>
      <c r="AX16" s="192"/>
      <c r="AY16" s="192"/>
      <c r="AZ16" s="192"/>
      <c r="BA16" s="192"/>
      <c r="BB16" s="192"/>
      <c r="BC16" s="192"/>
      <c r="BD16" s="192"/>
      <c r="BE16" s="192"/>
      <c r="BF16" s="192"/>
      <c r="BG16" s="192"/>
      <c r="BH16" s="192"/>
      <c r="BI16" s="192"/>
      <c r="BJ16" s="192"/>
      <c r="BK16" s="192"/>
      <c r="BL16" s="192"/>
      <c r="BM16" s="192"/>
      <c r="BN16" s="192"/>
      <c r="BO16" s="192"/>
      <c r="BP16" s="192"/>
      <c r="BQ16" s="192"/>
      <c r="BR16" s="192"/>
      <c r="BS16" s="192"/>
      <c r="BT16" s="192"/>
      <c r="BU16" s="192"/>
      <c r="BV16" s="192"/>
      <c r="BW16" s="188"/>
      <c r="BX16" s="192"/>
      <c r="BY16" s="192"/>
      <c r="BZ16" s="192"/>
      <c r="CA16" s="192"/>
      <c r="CB16" s="192"/>
      <c r="CC16" s="192"/>
      <c r="CD16" s="188" t="str">
        <f>IF( COUNTIF(AB16:BV16,"◎")=1,INDEX(AB$14:BV$14,1,MATCH("◎",AB16:BV16,0)),"" )</f>
        <v>東京電力エナジーパートナー株式会社</v>
      </c>
      <c r="CE16" s="322"/>
      <c r="CF16" s="322"/>
      <c r="CG16" s="192"/>
      <c r="CH16" s="192"/>
      <c r="CI16" s="378"/>
      <c r="CJ16" s="382"/>
      <c r="CK16" s="378"/>
      <c r="CL16" s="322"/>
      <c r="CM16" s="322"/>
      <c r="CN16" s="322"/>
      <c r="CO16" s="322"/>
      <c r="CP16" s="322"/>
      <c r="CQ16" s="322"/>
      <c r="CR16" s="322"/>
      <c r="CS16" s="261"/>
      <c r="CT16" s="261"/>
      <c r="CU16" s="261"/>
      <c r="CV16" s="261"/>
      <c r="CW16" s="451"/>
      <c r="CX16" s="451"/>
      <c r="CY16" s="456"/>
    </row>
    <row r="17" spans="1:103" s="67" customFormat="1" ht="30" customHeight="1">
      <c r="A17" s="192" t="s">
        <v>486</v>
      </c>
      <c r="B17" s="188" t="s">
        <v>199</v>
      </c>
      <c r="C17" s="806"/>
      <c r="D17" s="188" t="s">
        <v>480</v>
      </c>
      <c r="E17" s="188" t="s">
        <v>417</v>
      </c>
      <c r="F17" s="188" t="s">
        <v>716</v>
      </c>
      <c r="G17" s="189">
        <v>333333</v>
      </c>
      <c r="H17" s="189">
        <v>330000</v>
      </c>
      <c r="I17" s="189" t="s">
        <v>1314</v>
      </c>
      <c r="J17" s="352">
        <v>36</v>
      </c>
      <c r="K17" s="352" t="s">
        <v>1312</v>
      </c>
      <c r="L17" s="322" t="s">
        <v>278</v>
      </c>
      <c r="M17" s="322"/>
      <c r="N17" s="788"/>
      <c r="O17" s="796"/>
      <c r="P17" s="322"/>
      <c r="Q17" s="322"/>
      <c r="R17" s="322"/>
      <c r="S17" s="322"/>
      <c r="T17" s="322"/>
      <c r="U17" s="322"/>
      <c r="V17" s="797"/>
      <c r="W17" s="791"/>
      <c r="X17" s="504"/>
      <c r="Y17" s="504"/>
      <c r="Z17" s="504"/>
      <c r="AA17" s="504"/>
      <c r="AB17" s="357"/>
      <c r="AC17" s="357"/>
      <c r="AD17" s="357" t="s">
        <v>204</v>
      </c>
      <c r="AE17" s="357"/>
      <c r="AF17" s="357"/>
      <c r="AG17" s="357"/>
      <c r="AH17" s="357"/>
      <c r="AI17" s="357"/>
      <c r="AJ17" s="357"/>
      <c r="AK17" s="357"/>
      <c r="AL17" s="192" t="s">
        <v>200</v>
      </c>
      <c r="AM17" s="192"/>
      <c r="AN17" s="192"/>
      <c r="AO17" s="192"/>
      <c r="AP17" s="192" t="s">
        <v>200</v>
      </c>
      <c r="AQ17" s="192"/>
      <c r="AR17" s="192"/>
      <c r="AS17" s="192"/>
      <c r="AT17" s="192"/>
      <c r="AU17" s="192"/>
      <c r="AV17" s="192"/>
      <c r="AW17" s="192"/>
      <c r="AX17" s="192"/>
      <c r="AY17" s="192"/>
      <c r="AZ17" s="192"/>
      <c r="BA17" s="192"/>
      <c r="BB17" s="192"/>
      <c r="BC17" s="192"/>
      <c r="BD17" s="192"/>
      <c r="BE17" s="192"/>
      <c r="BF17" s="192"/>
      <c r="BG17" s="192"/>
      <c r="BH17" s="192"/>
      <c r="BI17" s="192"/>
      <c r="BJ17" s="192"/>
      <c r="BK17" s="192"/>
      <c r="BL17" s="192"/>
      <c r="BM17" s="192"/>
      <c r="BN17" s="192"/>
      <c r="BO17" s="192"/>
      <c r="BP17" s="192"/>
      <c r="BQ17" s="192"/>
      <c r="BR17" s="192"/>
      <c r="BS17" s="192"/>
      <c r="BT17" s="192"/>
      <c r="BU17" s="192"/>
      <c r="BV17" s="192"/>
      <c r="BW17" s="188"/>
      <c r="BX17" s="192"/>
      <c r="BY17" s="192"/>
      <c r="BZ17" s="192"/>
      <c r="CA17" s="192"/>
      <c r="CB17" s="192"/>
      <c r="CC17" s="192"/>
      <c r="CD17" s="188" t="str">
        <f>IF( COUNTIF(AB17:BV17,"◎")=1,INDEX(AB$14:BV$14,1,MATCH("◎",AB17:BV17,0)),"" )</f>
        <v>東京電力エナジーパートナー株式会社</v>
      </c>
      <c r="CE17" s="322"/>
      <c r="CF17" s="322"/>
      <c r="CG17" s="192"/>
      <c r="CH17" s="192"/>
      <c r="CI17" s="378"/>
      <c r="CJ17" s="382"/>
      <c r="CK17" s="378"/>
      <c r="CL17" s="322"/>
      <c r="CM17" s="322"/>
      <c r="CN17" s="322"/>
      <c r="CO17" s="322"/>
      <c r="CP17" s="322" t="s">
        <v>197</v>
      </c>
      <c r="CQ17" s="322"/>
      <c r="CR17" s="322"/>
      <c r="CS17" s="261"/>
      <c r="CT17" s="261" t="s">
        <v>784</v>
      </c>
      <c r="CU17" s="261" t="s">
        <v>470</v>
      </c>
      <c r="CV17" s="261"/>
      <c r="CW17" s="451"/>
      <c r="CX17" s="451"/>
      <c r="CY17" s="456"/>
    </row>
    <row r="18" spans="1:103" s="67" customFormat="1" ht="36">
      <c r="A18" s="192" t="s">
        <v>487</v>
      </c>
      <c r="B18" s="188" t="s">
        <v>454</v>
      </c>
      <c r="C18" s="806"/>
      <c r="D18" s="188" t="s">
        <v>480</v>
      </c>
      <c r="E18" s="188" t="s">
        <v>456</v>
      </c>
      <c r="F18" s="188" t="s">
        <v>717</v>
      </c>
      <c r="G18" s="189">
        <v>44444</v>
      </c>
      <c r="H18" s="189">
        <v>45333</v>
      </c>
      <c r="I18" s="189" t="s">
        <v>1232</v>
      </c>
      <c r="J18" s="352">
        <v>12</v>
      </c>
      <c r="K18" s="352" t="s">
        <v>1234</v>
      </c>
      <c r="L18" s="322" t="s">
        <v>452</v>
      </c>
      <c r="M18" s="322"/>
      <c r="N18" s="788"/>
      <c r="O18" s="796"/>
      <c r="P18" s="322"/>
      <c r="Q18" s="322"/>
      <c r="R18" s="322"/>
      <c r="S18" s="322"/>
      <c r="T18" s="322"/>
      <c r="U18" s="322"/>
      <c r="V18" s="797"/>
      <c r="W18" s="791"/>
      <c r="X18" s="504"/>
      <c r="Y18" s="504"/>
      <c r="Z18" s="504"/>
      <c r="AA18" s="504"/>
      <c r="AB18" s="356"/>
      <c r="AC18" s="356"/>
      <c r="AD18" s="356"/>
      <c r="AE18" s="356"/>
      <c r="AF18" s="356"/>
      <c r="AG18" s="356"/>
      <c r="AH18" s="356"/>
      <c r="AI18" s="356"/>
      <c r="AJ18" s="356"/>
      <c r="AK18" s="356"/>
      <c r="AL18" s="192"/>
      <c r="AM18" s="192" t="s">
        <v>200</v>
      </c>
      <c r="AN18" s="192"/>
      <c r="AO18" s="192" t="s">
        <v>200</v>
      </c>
      <c r="AP18" s="192"/>
      <c r="AQ18" s="192"/>
      <c r="AR18" s="192"/>
      <c r="AS18" s="192"/>
      <c r="AT18" s="192"/>
      <c r="AU18" s="192"/>
      <c r="AV18" s="192"/>
      <c r="AW18" s="192"/>
      <c r="AX18" s="192"/>
      <c r="AY18" s="192"/>
      <c r="AZ18" s="192"/>
      <c r="BA18" s="192"/>
      <c r="BB18" s="192"/>
      <c r="BC18" s="192"/>
      <c r="BD18" s="192"/>
      <c r="BE18" s="192"/>
      <c r="BF18" s="192"/>
      <c r="BG18" s="192"/>
      <c r="BH18" s="192"/>
      <c r="BI18" s="192"/>
      <c r="BJ18" s="192"/>
      <c r="BK18" s="192"/>
      <c r="BL18" s="192"/>
      <c r="BM18" s="192"/>
      <c r="BN18" s="192"/>
      <c r="BO18" s="192"/>
      <c r="BP18" s="192"/>
      <c r="BQ18" s="192"/>
      <c r="BR18" s="192"/>
      <c r="BS18" s="192"/>
      <c r="BT18" s="192"/>
      <c r="BU18" s="192"/>
      <c r="BV18" s="192"/>
      <c r="BW18" s="188" t="s">
        <v>568</v>
      </c>
      <c r="BX18" s="192"/>
      <c r="BY18" s="192"/>
      <c r="BZ18" s="192"/>
      <c r="CA18" s="192"/>
      <c r="CB18" s="192"/>
      <c r="CC18" s="192"/>
      <c r="CD18" s="188" t="s">
        <v>668</v>
      </c>
      <c r="CE18" s="322"/>
      <c r="CF18" s="192"/>
      <c r="CG18" s="192"/>
      <c r="CH18" s="192"/>
      <c r="CI18" s="378"/>
      <c r="CJ18" s="382"/>
      <c r="CK18" s="378"/>
      <c r="CL18" s="322"/>
      <c r="CM18" s="322"/>
      <c r="CN18" s="322"/>
      <c r="CO18" s="322"/>
      <c r="CP18" s="322"/>
      <c r="CQ18" s="322"/>
      <c r="CR18" s="322" t="s">
        <v>197</v>
      </c>
      <c r="CS18" s="261" t="s">
        <v>713</v>
      </c>
      <c r="CT18" s="261" t="s">
        <v>482</v>
      </c>
      <c r="CU18" s="261" t="s">
        <v>645</v>
      </c>
      <c r="CV18" s="261" t="s">
        <v>470</v>
      </c>
      <c r="CW18" s="451"/>
      <c r="CX18" s="451"/>
      <c r="CY18" s="456"/>
    </row>
    <row r="19" spans="1:103" s="67" customFormat="1" ht="24" customHeight="1">
      <c r="A19" s="192" t="s">
        <v>488</v>
      </c>
      <c r="B19" s="188" t="s">
        <v>455</v>
      </c>
      <c r="C19" s="806"/>
      <c r="D19" s="188" t="s">
        <v>480</v>
      </c>
      <c r="E19" s="188" t="s">
        <v>457</v>
      </c>
      <c r="F19" s="188" t="s">
        <v>718</v>
      </c>
      <c r="G19" s="189">
        <v>11111</v>
      </c>
      <c r="H19" s="189">
        <v>11444</v>
      </c>
      <c r="I19" s="189" t="s">
        <v>1315</v>
      </c>
      <c r="J19" s="352">
        <v>12</v>
      </c>
      <c r="K19" s="352" t="s">
        <v>1233</v>
      </c>
      <c r="L19" s="322" t="s">
        <v>453</v>
      </c>
      <c r="M19" s="322"/>
      <c r="N19" s="788"/>
      <c r="O19" s="796"/>
      <c r="P19" s="322"/>
      <c r="Q19" s="322"/>
      <c r="R19" s="322"/>
      <c r="S19" s="322"/>
      <c r="T19" s="322"/>
      <c r="U19" s="322"/>
      <c r="V19" s="797"/>
      <c r="W19" s="791" t="s">
        <v>197</v>
      </c>
      <c r="X19" s="504">
        <v>0.4</v>
      </c>
      <c r="Y19" s="504"/>
      <c r="Z19" s="504"/>
      <c r="AA19" s="504">
        <v>0.5</v>
      </c>
      <c r="AB19" s="357"/>
      <c r="AC19" s="357"/>
      <c r="AD19" s="357" t="s">
        <v>200</v>
      </c>
      <c r="AE19" s="357"/>
      <c r="AF19" s="357"/>
      <c r="AG19" s="357"/>
      <c r="AH19" s="357"/>
      <c r="AI19" s="357"/>
      <c r="AJ19" s="357"/>
      <c r="AK19" s="357"/>
      <c r="AL19" s="192" t="s">
        <v>204</v>
      </c>
      <c r="AM19" s="192"/>
      <c r="AN19" s="192" t="s">
        <v>200</v>
      </c>
      <c r="AO19" s="192"/>
      <c r="AP19" s="192"/>
      <c r="AQ19" s="192"/>
      <c r="AR19" s="192"/>
      <c r="AS19" s="192"/>
      <c r="AT19" s="192"/>
      <c r="AU19" s="192"/>
      <c r="AV19" s="192"/>
      <c r="AW19" s="192"/>
      <c r="AX19" s="192"/>
      <c r="AY19" s="192"/>
      <c r="AZ19" s="192"/>
      <c r="BA19" s="192"/>
      <c r="BB19" s="192"/>
      <c r="BC19" s="192"/>
      <c r="BD19" s="192"/>
      <c r="BE19" s="192"/>
      <c r="BF19" s="192"/>
      <c r="BG19" s="192"/>
      <c r="BH19" s="192"/>
      <c r="BI19" s="192"/>
      <c r="BJ19" s="192"/>
      <c r="BK19" s="192"/>
      <c r="BL19" s="192"/>
      <c r="BM19" s="192"/>
      <c r="BN19" s="192"/>
      <c r="BO19" s="192"/>
      <c r="BP19" s="192"/>
      <c r="BQ19" s="192"/>
      <c r="BR19" s="192"/>
      <c r="BS19" s="192"/>
      <c r="BT19" s="192"/>
      <c r="BU19" s="192"/>
      <c r="BV19" s="192"/>
      <c r="BW19" s="188"/>
      <c r="BX19" s="192" t="s">
        <v>197</v>
      </c>
      <c r="BY19" s="192" t="s">
        <v>197</v>
      </c>
      <c r="BZ19" s="192"/>
      <c r="CA19" s="192"/>
      <c r="CB19" s="192"/>
      <c r="CC19" s="192"/>
      <c r="CD19" s="188" t="str">
        <f>IF( COUNTIF(AB19:BV19,"◎")=1,INDEX(AB$14:BV$14,1,MATCH("◎",AB19:BV19,0)),"" )</f>
        <v>ゼロワットパワー株式会社</v>
      </c>
      <c r="CE19" s="322"/>
      <c r="CF19" s="192"/>
      <c r="CG19" s="322"/>
      <c r="CH19" s="192"/>
      <c r="CI19" s="378"/>
      <c r="CJ19" s="382"/>
      <c r="CK19" s="378"/>
      <c r="CL19" s="322"/>
      <c r="CM19" s="322"/>
      <c r="CN19" s="322"/>
      <c r="CO19" s="322"/>
      <c r="CP19" s="322"/>
      <c r="CQ19" s="322"/>
      <c r="CR19" s="322"/>
      <c r="CS19" s="261"/>
      <c r="CT19" s="261"/>
      <c r="CU19" s="261"/>
      <c r="CV19" s="261"/>
      <c r="CW19" s="322" t="s">
        <v>197</v>
      </c>
      <c r="CX19" s="322" t="s">
        <v>659</v>
      </c>
      <c r="CY19" s="456">
        <v>100</v>
      </c>
    </row>
    <row r="20" spans="1:103" s="67" customFormat="1" ht="24" customHeight="1">
      <c r="A20" s="192" t="s">
        <v>927</v>
      </c>
      <c r="B20" s="188" t="s">
        <v>928</v>
      </c>
      <c r="C20" s="806"/>
      <c r="D20" s="188" t="s">
        <v>480</v>
      </c>
      <c r="E20" s="188" t="s">
        <v>456</v>
      </c>
      <c r="F20" s="188" t="s">
        <v>717</v>
      </c>
      <c r="G20" s="189">
        <v>44444</v>
      </c>
      <c r="H20" s="189">
        <v>44221</v>
      </c>
      <c r="I20" s="189" t="s">
        <v>1316</v>
      </c>
      <c r="J20" s="352">
        <v>12</v>
      </c>
      <c r="K20" s="352" t="s">
        <v>1233</v>
      </c>
      <c r="L20" s="322" t="s">
        <v>452</v>
      </c>
      <c r="M20" s="322"/>
      <c r="N20" s="788" t="s">
        <v>197</v>
      </c>
      <c r="O20" s="796"/>
      <c r="P20" s="322"/>
      <c r="Q20" s="322"/>
      <c r="R20" s="322"/>
      <c r="S20" s="322"/>
      <c r="T20" s="322"/>
      <c r="U20" s="322"/>
      <c r="V20" s="797"/>
      <c r="W20" s="791"/>
      <c r="X20" s="504"/>
      <c r="Y20" s="504"/>
      <c r="Z20" s="504"/>
      <c r="AA20" s="504"/>
      <c r="AB20" s="357"/>
      <c r="AC20" s="357"/>
      <c r="AD20" s="357"/>
      <c r="AE20" s="357"/>
      <c r="AF20" s="357"/>
      <c r="AG20" s="357"/>
      <c r="AH20" s="357"/>
      <c r="AI20" s="357"/>
      <c r="AJ20" s="357"/>
      <c r="AK20" s="357"/>
      <c r="AL20" s="192"/>
      <c r="AM20" s="192"/>
      <c r="AN20" s="192"/>
      <c r="AO20" s="192"/>
      <c r="AP20" s="192"/>
      <c r="AQ20" s="192"/>
      <c r="AR20" s="192"/>
      <c r="AS20" s="192"/>
      <c r="AT20" s="192"/>
      <c r="AU20" s="192"/>
      <c r="AV20" s="192"/>
      <c r="AW20" s="192"/>
      <c r="AX20" s="192"/>
      <c r="AY20" s="192"/>
      <c r="AZ20" s="192"/>
      <c r="BA20" s="192"/>
      <c r="BB20" s="192"/>
      <c r="BC20" s="192"/>
      <c r="BD20" s="192"/>
      <c r="BE20" s="192"/>
      <c r="BF20" s="192"/>
      <c r="BG20" s="192"/>
      <c r="BH20" s="192"/>
      <c r="BI20" s="192"/>
      <c r="BJ20" s="192"/>
      <c r="BK20" s="192"/>
      <c r="BL20" s="192"/>
      <c r="BM20" s="192"/>
      <c r="BN20" s="192"/>
      <c r="BO20" s="192"/>
      <c r="BP20" s="192"/>
      <c r="BQ20" s="192"/>
      <c r="BR20" s="192"/>
      <c r="BS20" s="192"/>
      <c r="BT20" s="192"/>
      <c r="BU20" s="192"/>
      <c r="BV20" s="192"/>
      <c r="BW20" s="188" t="s">
        <v>929</v>
      </c>
      <c r="BX20" s="192"/>
      <c r="BY20" s="192"/>
      <c r="BZ20" s="192"/>
      <c r="CA20" s="192"/>
      <c r="CB20" s="192"/>
      <c r="CC20" s="192"/>
      <c r="CD20" s="188" t="s">
        <v>930</v>
      </c>
      <c r="CE20" s="322"/>
      <c r="CF20" s="192"/>
      <c r="CG20" s="322"/>
      <c r="CH20" s="192"/>
      <c r="CI20" s="378"/>
      <c r="CJ20" s="382"/>
      <c r="CK20" s="378"/>
      <c r="CL20" s="322"/>
      <c r="CM20" s="322"/>
      <c r="CN20" s="322"/>
      <c r="CO20" s="322"/>
      <c r="CP20" s="322"/>
      <c r="CQ20" s="322"/>
      <c r="CR20" s="322" t="s">
        <v>197</v>
      </c>
      <c r="CS20" s="261" t="s">
        <v>713</v>
      </c>
      <c r="CT20" s="261" t="s">
        <v>482</v>
      </c>
      <c r="CU20" s="261" t="s">
        <v>645</v>
      </c>
      <c r="CV20" s="261" t="s">
        <v>470</v>
      </c>
      <c r="CW20" s="322"/>
      <c r="CX20" s="322"/>
      <c r="CY20" s="456"/>
    </row>
    <row r="21" spans="1:103" s="67" customFormat="1" ht="12">
      <c r="A21" s="72">
        <v>1</v>
      </c>
      <c r="B21" s="103"/>
      <c r="C21" s="807"/>
      <c r="D21" s="103"/>
      <c r="E21" s="103"/>
      <c r="F21" s="103"/>
      <c r="G21" s="217"/>
      <c r="H21" s="217"/>
      <c r="I21" s="217"/>
      <c r="J21" s="353"/>
      <c r="K21" s="353"/>
      <c r="L21" s="401"/>
      <c r="M21" s="401"/>
      <c r="N21" s="789"/>
      <c r="O21" s="798"/>
      <c r="P21" s="401"/>
      <c r="Q21" s="401"/>
      <c r="R21" s="401"/>
      <c r="S21" s="401"/>
      <c r="T21" s="401"/>
      <c r="U21" s="401"/>
      <c r="V21" s="799"/>
      <c r="W21" s="792"/>
      <c r="X21" s="505"/>
      <c r="Y21" s="505"/>
      <c r="Z21" s="505"/>
      <c r="AA21" s="505"/>
      <c r="AB21" s="218"/>
      <c r="AC21" s="218"/>
      <c r="AD21" s="218"/>
      <c r="AE21" s="218"/>
      <c r="AF21" s="218"/>
      <c r="AG21" s="218"/>
      <c r="AH21" s="218"/>
      <c r="AI21" s="218"/>
      <c r="AJ21" s="218"/>
      <c r="AK21" s="218"/>
      <c r="AL21" s="218"/>
      <c r="AM21" s="218"/>
      <c r="AN21" s="218"/>
      <c r="AO21" s="218"/>
      <c r="AP21" s="218"/>
      <c r="AQ21" s="218"/>
      <c r="AR21" s="218"/>
      <c r="AS21" s="218"/>
      <c r="AT21" s="218"/>
      <c r="AU21" s="218"/>
      <c r="AV21" s="218"/>
      <c r="AW21" s="218"/>
      <c r="AX21" s="218"/>
      <c r="AY21" s="218"/>
      <c r="AZ21" s="218"/>
      <c r="BA21" s="218"/>
      <c r="BB21" s="218"/>
      <c r="BC21" s="218"/>
      <c r="BD21" s="218"/>
      <c r="BE21" s="218"/>
      <c r="BF21" s="218"/>
      <c r="BG21" s="218"/>
      <c r="BH21" s="218"/>
      <c r="BI21" s="218"/>
      <c r="BJ21" s="218"/>
      <c r="BK21" s="218"/>
      <c r="BL21" s="218"/>
      <c r="BM21" s="218"/>
      <c r="BN21" s="218"/>
      <c r="BO21" s="218"/>
      <c r="BP21" s="218"/>
      <c r="BQ21" s="218"/>
      <c r="BR21" s="218"/>
      <c r="BS21" s="218"/>
      <c r="BT21" s="218"/>
      <c r="BU21" s="218"/>
      <c r="BV21" s="218"/>
      <c r="BW21" s="103"/>
      <c r="BX21" s="218"/>
      <c r="BY21" s="218"/>
      <c r="BZ21" s="218"/>
      <c r="CA21" s="218"/>
      <c r="CB21" s="218"/>
      <c r="CC21" s="218"/>
      <c r="CD21" s="371" t="str">
        <f t="shared" ref="CD21:CD84" si="0">IF( COUNTIF(AB21:BV21,"◎")=1,INDEX(AB$14:BV$14,1,MATCH("◎",AB21:BV21,0)),"" )</f>
        <v/>
      </c>
      <c r="CE21" s="371"/>
      <c r="CF21" s="371"/>
      <c r="CG21" s="371"/>
      <c r="CH21" s="371"/>
      <c r="CI21" s="379"/>
      <c r="CJ21" s="383"/>
      <c r="CK21" s="379"/>
      <c r="CL21" s="370"/>
      <c r="CM21" s="370"/>
      <c r="CN21" s="370"/>
      <c r="CO21" s="370"/>
      <c r="CP21" s="370"/>
      <c r="CQ21" s="370"/>
      <c r="CR21" s="370"/>
      <c r="CS21" s="262"/>
      <c r="CT21" s="262"/>
      <c r="CU21" s="262"/>
      <c r="CV21" s="262"/>
      <c r="CW21" s="371"/>
      <c r="CX21" s="371"/>
      <c r="CY21" s="455"/>
    </row>
    <row r="22" spans="1:103" s="67" customFormat="1" ht="12">
      <c r="A22" s="72">
        <v>2</v>
      </c>
      <c r="B22" s="103"/>
      <c r="C22" s="807"/>
      <c r="D22" s="103"/>
      <c r="E22" s="103"/>
      <c r="F22" s="103"/>
      <c r="G22" s="217"/>
      <c r="H22" s="217"/>
      <c r="I22" s="103"/>
      <c r="J22" s="353"/>
      <c r="K22" s="353"/>
      <c r="L22" s="401"/>
      <c r="M22" s="401"/>
      <c r="N22" s="789"/>
      <c r="O22" s="798"/>
      <c r="P22" s="401"/>
      <c r="Q22" s="401"/>
      <c r="R22" s="401"/>
      <c r="S22" s="401"/>
      <c r="T22" s="401"/>
      <c r="U22" s="401"/>
      <c r="V22" s="799"/>
      <c r="W22" s="792"/>
      <c r="X22" s="505"/>
      <c r="Y22" s="505"/>
      <c r="Z22" s="505"/>
      <c r="AA22" s="505"/>
      <c r="AB22" s="218"/>
      <c r="AC22" s="218"/>
      <c r="AD22" s="218"/>
      <c r="AE22" s="218"/>
      <c r="AF22" s="218"/>
      <c r="AG22" s="218"/>
      <c r="AH22" s="218"/>
      <c r="AI22" s="218"/>
      <c r="AJ22" s="218"/>
      <c r="AK22" s="218"/>
      <c r="AL22" s="218"/>
      <c r="AM22" s="218"/>
      <c r="AN22" s="218"/>
      <c r="AO22" s="218"/>
      <c r="AP22" s="218"/>
      <c r="AQ22" s="218"/>
      <c r="AR22" s="218"/>
      <c r="AS22" s="218"/>
      <c r="AT22" s="218"/>
      <c r="AU22" s="218"/>
      <c r="AV22" s="218"/>
      <c r="AW22" s="218"/>
      <c r="AX22" s="218"/>
      <c r="AY22" s="218"/>
      <c r="AZ22" s="218"/>
      <c r="BA22" s="218"/>
      <c r="BB22" s="218"/>
      <c r="BC22" s="218"/>
      <c r="BD22" s="218"/>
      <c r="BE22" s="218"/>
      <c r="BF22" s="218"/>
      <c r="BG22" s="218"/>
      <c r="BH22" s="218"/>
      <c r="BI22" s="218"/>
      <c r="BJ22" s="218"/>
      <c r="BK22" s="218"/>
      <c r="BL22" s="218"/>
      <c r="BM22" s="218"/>
      <c r="BN22" s="218"/>
      <c r="BO22" s="218"/>
      <c r="BP22" s="218"/>
      <c r="BQ22" s="218"/>
      <c r="BR22" s="218"/>
      <c r="BS22" s="218"/>
      <c r="BT22" s="218"/>
      <c r="BU22" s="218"/>
      <c r="BV22" s="218"/>
      <c r="BW22" s="103"/>
      <c r="BX22" s="218"/>
      <c r="BY22" s="218"/>
      <c r="BZ22" s="218"/>
      <c r="CA22" s="218"/>
      <c r="CB22" s="218"/>
      <c r="CC22" s="218"/>
      <c r="CD22" s="371" t="str">
        <f t="shared" si="0"/>
        <v/>
      </c>
      <c r="CE22" s="371"/>
      <c r="CF22" s="371"/>
      <c r="CG22" s="371"/>
      <c r="CH22" s="371"/>
      <c r="CI22" s="379"/>
      <c r="CJ22" s="383"/>
      <c r="CK22" s="379"/>
      <c r="CL22" s="370"/>
      <c r="CM22" s="370"/>
      <c r="CN22" s="370"/>
      <c r="CO22" s="370"/>
      <c r="CP22" s="370"/>
      <c r="CQ22" s="370"/>
      <c r="CR22" s="370"/>
      <c r="CS22" s="262"/>
      <c r="CT22" s="262"/>
      <c r="CU22" s="262"/>
      <c r="CV22" s="262"/>
      <c r="CW22" s="371"/>
      <c r="CX22" s="371"/>
      <c r="CY22" s="455"/>
    </row>
    <row r="23" spans="1:103" s="67" customFormat="1" ht="12">
      <c r="A23" s="72">
        <v>3</v>
      </c>
      <c r="B23" s="103"/>
      <c r="C23" s="807"/>
      <c r="D23" s="103"/>
      <c r="E23" s="103"/>
      <c r="F23" s="103"/>
      <c r="G23" s="217"/>
      <c r="H23" s="217"/>
      <c r="I23" s="217"/>
      <c r="J23" s="353"/>
      <c r="K23" s="353"/>
      <c r="L23" s="401"/>
      <c r="M23" s="401"/>
      <c r="N23" s="789"/>
      <c r="O23" s="798"/>
      <c r="P23" s="401"/>
      <c r="Q23" s="401"/>
      <c r="R23" s="401"/>
      <c r="S23" s="401"/>
      <c r="T23" s="401"/>
      <c r="U23" s="401"/>
      <c r="V23" s="799"/>
      <c r="W23" s="792"/>
      <c r="X23" s="505"/>
      <c r="Y23" s="505"/>
      <c r="Z23" s="505"/>
      <c r="AA23" s="505"/>
      <c r="AB23" s="218"/>
      <c r="AC23" s="218"/>
      <c r="AD23" s="218"/>
      <c r="AE23" s="218"/>
      <c r="AF23" s="218"/>
      <c r="AG23" s="218"/>
      <c r="AH23" s="218"/>
      <c r="AI23" s="218"/>
      <c r="AJ23" s="218"/>
      <c r="AK23" s="218"/>
      <c r="AL23" s="218"/>
      <c r="AM23" s="218"/>
      <c r="AN23" s="218"/>
      <c r="AO23" s="218"/>
      <c r="AP23" s="218"/>
      <c r="AQ23" s="218"/>
      <c r="AR23" s="218"/>
      <c r="AS23" s="218"/>
      <c r="AT23" s="218"/>
      <c r="AU23" s="218"/>
      <c r="AV23" s="218"/>
      <c r="AW23" s="218"/>
      <c r="AX23" s="218"/>
      <c r="AY23" s="218"/>
      <c r="AZ23" s="218"/>
      <c r="BA23" s="218"/>
      <c r="BB23" s="218"/>
      <c r="BC23" s="218"/>
      <c r="BD23" s="218"/>
      <c r="BE23" s="218"/>
      <c r="BF23" s="218"/>
      <c r="BG23" s="218"/>
      <c r="BH23" s="218"/>
      <c r="BI23" s="218"/>
      <c r="BJ23" s="218"/>
      <c r="BK23" s="218"/>
      <c r="BL23" s="218"/>
      <c r="BM23" s="218"/>
      <c r="BN23" s="218"/>
      <c r="BO23" s="218"/>
      <c r="BP23" s="218"/>
      <c r="BQ23" s="218"/>
      <c r="BR23" s="218"/>
      <c r="BS23" s="218"/>
      <c r="BT23" s="218"/>
      <c r="BU23" s="218"/>
      <c r="BV23" s="218"/>
      <c r="BW23" s="103"/>
      <c r="BX23" s="218"/>
      <c r="BY23" s="218"/>
      <c r="BZ23" s="218"/>
      <c r="CA23" s="218"/>
      <c r="CB23" s="218"/>
      <c r="CC23" s="218"/>
      <c r="CD23" s="371" t="str">
        <f t="shared" si="0"/>
        <v/>
      </c>
      <c r="CE23" s="371"/>
      <c r="CF23" s="371"/>
      <c r="CG23" s="371"/>
      <c r="CH23" s="371"/>
      <c r="CI23" s="379"/>
      <c r="CJ23" s="383"/>
      <c r="CK23" s="379"/>
      <c r="CL23" s="370"/>
      <c r="CM23" s="370"/>
      <c r="CN23" s="370"/>
      <c r="CO23" s="370"/>
      <c r="CP23" s="370"/>
      <c r="CQ23" s="370"/>
      <c r="CR23" s="370"/>
      <c r="CS23" s="262"/>
      <c r="CT23" s="262"/>
      <c r="CU23" s="262"/>
      <c r="CV23" s="262"/>
      <c r="CW23" s="371"/>
      <c r="CX23" s="371"/>
      <c r="CY23" s="455"/>
    </row>
    <row r="24" spans="1:103" s="67" customFormat="1" ht="12">
      <c r="A24" s="72">
        <v>4</v>
      </c>
      <c r="B24" s="103"/>
      <c r="C24" s="807"/>
      <c r="D24" s="103"/>
      <c r="E24" s="103"/>
      <c r="F24" s="103"/>
      <c r="G24" s="217"/>
      <c r="H24" s="217"/>
      <c r="I24" s="217"/>
      <c r="J24" s="353"/>
      <c r="K24" s="353"/>
      <c r="L24" s="401"/>
      <c r="M24" s="401"/>
      <c r="N24" s="789"/>
      <c r="O24" s="798"/>
      <c r="P24" s="401"/>
      <c r="Q24" s="401"/>
      <c r="R24" s="401"/>
      <c r="S24" s="401"/>
      <c r="T24" s="401"/>
      <c r="U24" s="401"/>
      <c r="V24" s="799"/>
      <c r="W24" s="792"/>
      <c r="X24" s="505"/>
      <c r="Y24" s="505"/>
      <c r="Z24" s="505"/>
      <c r="AA24" s="505"/>
      <c r="AB24" s="218"/>
      <c r="AC24" s="218"/>
      <c r="AD24" s="218"/>
      <c r="AE24" s="218"/>
      <c r="AF24" s="218"/>
      <c r="AG24" s="218"/>
      <c r="AH24" s="218"/>
      <c r="AI24" s="218"/>
      <c r="AJ24" s="218"/>
      <c r="AK24" s="218"/>
      <c r="AL24" s="218"/>
      <c r="AM24" s="218"/>
      <c r="AN24" s="218"/>
      <c r="AO24" s="218"/>
      <c r="AP24" s="218"/>
      <c r="AQ24" s="218"/>
      <c r="AR24" s="218"/>
      <c r="AS24" s="218"/>
      <c r="AT24" s="218"/>
      <c r="AU24" s="218"/>
      <c r="AV24" s="218"/>
      <c r="AW24" s="218"/>
      <c r="AX24" s="218"/>
      <c r="AY24" s="218"/>
      <c r="AZ24" s="218"/>
      <c r="BA24" s="218"/>
      <c r="BB24" s="218"/>
      <c r="BC24" s="218"/>
      <c r="BD24" s="218"/>
      <c r="BE24" s="218"/>
      <c r="BF24" s="218"/>
      <c r="BG24" s="218"/>
      <c r="BH24" s="218"/>
      <c r="BI24" s="218"/>
      <c r="BJ24" s="218"/>
      <c r="BK24" s="218"/>
      <c r="BL24" s="218"/>
      <c r="BM24" s="218"/>
      <c r="BN24" s="218"/>
      <c r="BO24" s="218"/>
      <c r="BP24" s="218"/>
      <c r="BQ24" s="218"/>
      <c r="BR24" s="218"/>
      <c r="BS24" s="218"/>
      <c r="BT24" s="218"/>
      <c r="BU24" s="218"/>
      <c r="BV24" s="218"/>
      <c r="BW24" s="103"/>
      <c r="BX24" s="218"/>
      <c r="BY24" s="218"/>
      <c r="BZ24" s="218"/>
      <c r="CA24" s="218"/>
      <c r="CB24" s="218"/>
      <c r="CC24" s="218"/>
      <c r="CD24" s="371" t="str">
        <f t="shared" si="0"/>
        <v/>
      </c>
      <c r="CE24" s="371"/>
      <c r="CF24" s="371"/>
      <c r="CG24" s="371"/>
      <c r="CH24" s="371"/>
      <c r="CI24" s="379"/>
      <c r="CJ24" s="383"/>
      <c r="CK24" s="379"/>
      <c r="CL24" s="370"/>
      <c r="CM24" s="370"/>
      <c r="CN24" s="370"/>
      <c r="CO24" s="370"/>
      <c r="CP24" s="370"/>
      <c r="CQ24" s="370"/>
      <c r="CR24" s="370"/>
      <c r="CS24" s="262"/>
      <c r="CT24" s="262"/>
      <c r="CU24" s="262"/>
      <c r="CV24" s="262"/>
      <c r="CW24" s="371"/>
      <c r="CX24" s="371"/>
      <c r="CY24" s="455"/>
    </row>
    <row r="25" spans="1:103" s="67" customFormat="1" ht="12">
      <c r="A25" s="72">
        <v>5</v>
      </c>
      <c r="B25" s="103"/>
      <c r="C25" s="807"/>
      <c r="D25" s="103"/>
      <c r="E25" s="103"/>
      <c r="F25" s="103"/>
      <c r="G25" s="217"/>
      <c r="H25" s="217"/>
      <c r="I25" s="217"/>
      <c r="J25" s="353"/>
      <c r="K25" s="353"/>
      <c r="L25" s="401"/>
      <c r="M25" s="401"/>
      <c r="N25" s="789"/>
      <c r="O25" s="798"/>
      <c r="P25" s="401"/>
      <c r="Q25" s="401"/>
      <c r="R25" s="401"/>
      <c r="S25" s="401"/>
      <c r="T25" s="401"/>
      <c r="U25" s="401"/>
      <c r="V25" s="799"/>
      <c r="W25" s="792"/>
      <c r="X25" s="505"/>
      <c r="Y25" s="505"/>
      <c r="Z25" s="505"/>
      <c r="AA25" s="505"/>
      <c r="AB25" s="218"/>
      <c r="AC25" s="218"/>
      <c r="AD25" s="218"/>
      <c r="AE25" s="218"/>
      <c r="AF25" s="218"/>
      <c r="AG25" s="218"/>
      <c r="AH25" s="218"/>
      <c r="AI25" s="218"/>
      <c r="AJ25" s="218"/>
      <c r="AK25" s="218"/>
      <c r="AL25" s="218"/>
      <c r="AM25" s="218"/>
      <c r="AN25" s="218"/>
      <c r="AO25" s="218"/>
      <c r="AP25" s="218"/>
      <c r="AQ25" s="218"/>
      <c r="AR25" s="218"/>
      <c r="AS25" s="218"/>
      <c r="AT25" s="218"/>
      <c r="AU25" s="218"/>
      <c r="AV25" s="218"/>
      <c r="AW25" s="218"/>
      <c r="AX25" s="218"/>
      <c r="AY25" s="218"/>
      <c r="AZ25" s="218"/>
      <c r="BA25" s="218"/>
      <c r="BB25" s="218"/>
      <c r="BC25" s="218"/>
      <c r="BD25" s="218"/>
      <c r="BE25" s="218"/>
      <c r="BF25" s="218"/>
      <c r="BG25" s="218"/>
      <c r="BH25" s="218"/>
      <c r="BI25" s="218"/>
      <c r="BJ25" s="218"/>
      <c r="BK25" s="218"/>
      <c r="BL25" s="218"/>
      <c r="BM25" s="218"/>
      <c r="BN25" s="218"/>
      <c r="BO25" s="218"/>
      <c r="BP25" s="218"/>
      <c r="BQ25" s="218"/>
      <c r="BR25" s="218"/>
      <c r="BS25" s="218"/>
      <c r="BT25" s="218"/>
      <c r="BU25" s="218"/>
      <c r="BV25" s="218"/>
      <c r="BW25" s="103"/>
      <c r="BX25" s="218"/>
      <c r="BY25" s="218"/>
      <c r="BZ25" s="218"/>
      <c r="CA25" s="218"/>
      <c r="CB25" s="218"/>
      <c r="CC25" s="218"/>
      <c r="CD25" s="371" t="str">
        <f t="shared" si="0"/>
        <v/>
      </c>
      <c r="CE25" s="371"/>
      <c r="CF25" s="371"/>
      <c r="CG25" s="371"/>
      <c r="CH25" s="371"/>
      <c r="CI25" s="379"/>
      <c r="CJ25" s="383"/>
      <c r="CK25" s="379"/>
      <c r="CL25" s="370"/>
      <c r="CM25" s="370"/>
      <c r="CN25" s="370"/>
      <c r="CO25" s="370"/>
      <c r="CP25" s="370"/>
      <c r="CQ25" s="370"/>
      <c r="CR25" s="370"/>
      <c r="CS25" s="262"/>
      <c r="CT25" s="262"/>
      <c r="CU25" s="262"/>
      <c r="CV25" s="262"/>
      <c r="CW25" s="371"/>
      <c r="CX25" s="371"/>
      <c r="CY25" s="455"/>
    </row>
    <row r="26" spans="1:103" s="67" customFormat="1" ht="12" customHeight="1">
      <c r="A26" s="72">
        <v>6</v>
      </c>
      <c r="B26" s="103"/>
      <c r="C26" s="807"/>
      <c r="D26" s="103"/>
      <c r="E26" s="103"/>
      <c r="F26" s="103"/>
      <c r="G26" s="217"/>
      <c r="H26" s="217"/>
      <c r="I26" s="217"/>
      <c r="J26" s="353"/>
      <c r="K26" s="353"/>
      <c r="L26" s="401"/>
      <c r="M26" s="401"/>
      <c r="N26" s="789"/>
      <c r="O26" s="798"/>
      <c r="P26" s="401"/>
      <c r="Q26" s="401"/>
      <c r="R26" s="401"/>
      <c r="S26" s="401"/>
      <c r="T26" s="401"/>
      <c r="U26" s="401"/>
      <c r="V26" s="799"/>
      <c r="W26" s="792"/>
      <c r="X26" s="505"/>
      <c r="Y26" s="505"/>
      <c r="Z26" s="505"/>
      <c r="AA26" s="505"/>
      <c r="AB26" s="218"/>
      <c r="AC26" s="218"/>
      <c r="AD26" s="218"/>
      <c r="AE26" s="218"/>
      <c r="AF26" s="218"/>
      <c r="AG26" s="218"/>
      <c r="AH26" s="218"/>
      <c r="AI26" s="218"/>
      <c r="AJ26" s="218"/>
      <c r="AK26" s="218"/>
      <c r="AL26" s="218"/>
      <c r="AM26" s="218"/>
      <c r="AN26" s="218"/>
      <c r="AO26" s="218"/>
      <c r="AP26" s="218"/>
      <c r="AQ26" s="218"/>
      <c r="AR26" s="218"/>
      <c r="AS26" s="218"/>
      <c r="AT26" s="218"/>
      <c r="AU26" s="218"/>
      <c r="AV26" s="218"/>
      <c r="AW26" s="218"/>
      <c r="AX26" s="218"/>
      <c r="AY26" s="218"/>
      <c r="AZ26" s="218"/>
      <c r="BA26" s="218"/>
      <c r="BB26" s="218"/>
      <c r="BC26" s="218"/>
      <c r="BD26" s="218"/>
      <c r="BE26" s="218"/>
      <c r="BF26" s="218"/>
      <c r="BG26" s="218"/>
      <c r="BH26" s="218"/>
      <c r="BI26" s="218"/>
      <c r="BJ26" s="218"/>
      <c r="BK26" s="218"/>
      <c r="BL26" s="218"/>
      <c r="BM26" s="218"/>
      <c r="BN26" s="218"/>
      <c r="BO26" s="218"/>
      <c r="BP26" s="218"/>
      <c r="BQ26" s="218"/>
      <c r="BR26" s="218"/>
      <c r="BS26" s="218"/>
      <c r="BT26" s="218"/>
      <c r="BU26" s="218"/>
      <c r="BV26" s="218"/>
      <c r="BW26" s="103"/>
      <c r="BX26" s="218"/>
      <c r="BY26" s="218"/>
      <c r="BZ26" s="218"/>
      <c r="CA26" s="218"/>
      <c r="CB26" s="218"/>
      <c r="CC26" s="218"/>
      <c r="CD26" s="371" t="str">
        <f t="shared" si="0"/>
        <v/>
      </c>
      <c r="CE26" s="371"/>
      <c r="CF26" s="371"/>
      <c r="CG26" s="371"/>
      <c r="CH26" s="371"/>
      <c r="CI26" s="379"/>
      <c r="CJ26" s="383"/>
      <c r="CK26" s="379"/>
      <c r="CL26" s="370"/>
      <c r="CM26" s="370"/>
      <c r="CN26" s="370"/>
      <c r="CO26" s="370"/>
      <c r="CP26" s="370"/>
      <c r="CQ26" s="370"/>
      <c r="CR26" s="370"/>
      <c r="CS26" s="262"/>
      <c r="CT26" s="262"/>
      <c r="CU26" s="262"/>
      <c r="CV26" s="262"/>
      <c r="CW26" s="371"/>
      <c r="CX26" s="371"/>
      <c r="CY26" s="455"/>
    </row>
    <row r="27" spans="1:103" s="67" customFormat="1" ht="12" customHeight="1">
      <c r="A27" s="72">
        <v>7</v>
      </c>
      <c r="B27" s="103"/>
      <c r="C27" s="807"/>
      <c r="D27" s="103"/>
      <c r="E27" s="103"/>
      <c r="F27" s="103"/>
      <c r="G27" s="217"/>
      <c r="H27" s="217"/>
      <c r="I27" s="217"/>
      <c r="J27" s="353"/>
      <c r="K27" s="353"/>
      <c r="L27" s="401"/>
      <c r="M27" s="401"/>
      <c r="N27" s="789"/>
      <c r="O27" s="798"/>
      <c r="P27" s="401"/>
      <c r="Q27" s="401"/>
      <c r="R27" s="401"/>
      <c r="S27" s="401"/>
      <c r="T27" s="401"/>
      <c r="U27" s="401"/>
      <c r="V27" s="799"/>
      <c r="W27" s="792"/>
      <c r="X27" s="505"/>
      <c r="Y27" s="505"/>
      <c r="Z27" s="505"/>
      <c r="AA27" s="505"/>
      <c r="AB27" s="218"/>
      <c r="AC27" s="218"/>
      <c r="AD27" s="218"/>
      <c r="AE27" s="218"/>
      <c r="AF27" s="218"/>
      <c r="AG27" s="218"/>
      <c r="AH27" s="218"/>
      <c r="AI27" s="218"/>
      <c r="AJ27" s="218"/>
      <c r="AK27" s="218"/>
      <c r="AL27" s="218"/>
      <c r="AM27" s="218"/>
      <c r="AN27" s="218"/>
      <c r="AO27" s="218"/>
      <c r="AP27" s="218"/>
      <c r="AQ27" s="218"/>
      <c r="AR27" s="218"/>
      <c r="AS27" s="218"/>
      <c r="AT27" s="218"/>
      <c r="AU27" s="218"/>
      <c r="AV27" s="218"/>
      <c r="AW27" s="218"/>
      <c r="AX27" s="218"/>
      <c r="AY27" s="218"/>
      <c r="AZ27" s="218"/>
      <c r="BA27" s="218"/>
      <c r="BB27" s="218"/>
      <c r="BC27" s="218"/>
      <c r="BD27" s="218"/>
      <c r="BE27" s="218"/>
      <c r="BF27" s="218"/>
      <c r="BG27" s="218"/>
      <c r="BH27" s="218"/>
      <c r="BI27" s="218"/>
      <c r="BJ27" s="218"/>
      <c r="BK27" s="218"/>
      <c r="BL27" s="218"/>
      <c r="BM27" s="218"/>
      <c r="BN27" s="218"/>
      <c r="BO27" s="218"/>
      <c r="BP27" s="218"/>
      <c r="BQ27" s="218"/>
      <c r="BR27" s="218"/>
      <c r="BS27" s="218"/>
      <c r="BT27" s="218"/>
      <c r="BU27" s="218"/>
      <c r="BV27" s="218"/>
      <c r="BW27" s="103"/>
      <c r="BX27" s="218"/>
      <c r="BY27" s="218"/>
      <c r="BZ27" s="218"/>
      <c r="CA27" s="218"/>
      <c r="CB27" s="218"/>
      <c r="CC27" s="218"/>
      <c r="CD27" s="371" t="str">
        <f t="shared" si="0"/>
        <v/>
      </c>
      <c r="CE27" s="371"/>
      <c r="CF27" s="371"/>
      <c r="CG27" s="371"/>
      <c r="CH27" s="371"/>
      <c r="CI27" s="379"/>
      <c r="CJ27" s="383"/>
      <c r="CK27" s="379"/>
      <c r="CL27" s="370"/>
      <c r="CM27" s="370"/>
      <c r="CN27" s="370"/>
      <c r="CO27" s="370"/>
      <c r="CP27" s="370"/>
      <c r="CQ27" s="370"/>
      <c r="CR27" s="370"/>
      <c r="CS27" s="262"/>
      <c r="CT27" s="262"/>
      <c r="CU27" s="262"/>
      <c r="CV27" s="262"/>
      <c r="CW27" s="371"/>
      <c r="CX27" s="371"/>
      <c r="CY27" s="455"/>
    </row>
    <row r="28" spans="1:103" s="67" customFormat="1" ht="12" customHeight="1">
      <c r="A28" s="72">
        <v>8</v>
      </c>
      <c r="B28" s="103"/>
      <c r="C28" s="807"/>
      <c r="D28" s="103"/>
      <c r="E28" s="103"/>
      <c r="F28" s="103"/>
      <c r="G28" s="217"/>
      <c r="H28" s="217"/>
      <c r="I28" s="217"/>
      <c r="J28" s="353"/>
      <c r="K28" s="353"/>
      <c r="L28" s="401"/>
      <c r="M28" s="401"/>
      <c r="N28" s="789"/>
      <c r="O28" s="798"/>
      <c r="P28" s="401"/>
      <c r="Q28" s="401"/>
      <c r="R28" s="401"/>
      <c r="S28" s="401"/>
      <c r="T28" s="401"/>
      <c r="U28" s="401"/>
      <c r="V28" s="799"/>
      <c r="W28" s="792"/>
      <c r="X28" s="505"/>
      <c r="Y28" s="505"/>
      <c r="Z28" s="505"/>
      <c r="AA28" s="505"/>
      <c r="AB28" s="218"/>
      <c r="AC28" s="218"/>
      <c r="AD28" s="218"/>
      <c r="AE28" s="218"/>
      <c r="AF28" s="218"/>
      <c r="AG28" s="218"/>
      <c r="AH28" s="218"/>
      <c r="AI28" s="218"/>
      <c r="AJ28" s="218"/>
      <c r="AK28" s="218"/>
      <c r="AL28" s="218"/>
      <c r="AM28" s="218"/>
      <c r="AN28" s="218"/>
      <c r="AO28" s="218"/>
      <c r="AP28" s="218"/>
      <c r="AQ28" s="218"/>
      <c r="AR28" s="218"/>
      <c r="AS28" s="218"/>
      <c r="AT28" s="218"/>
      <c r="AU28" s="218"/>
      <c r="AV28" s="218"/>
      <c r="AW28" s="218"/>
      <c r="AX28" s="218"/>
      <c r="AY28" s="218"/>
      <c r="AZ28" s="218"/>
      <c r="BA28" s="218"/>
      <c r="BB28" s="218"/>
      <c r="BC28" s="218"/>
      <c r="BD28" s="218"/>
      <c r="BE28" s="218"/>
      <c r="BF28" s="218"/>
      <c r="BG28" s="218"/>
      <c r="BH28" s="218"/>
      <c r="BI28" s="218"/>
      <c r="BJ28" s="218"/>
      <c r="BK28" s="218"/>
      <c r="BL28" s="218"/>
      <c r="BM28" s="218"/>
      <c r="BN28" s="218"/>
      <c r="BO28" s="218"/>
      <c r="BP28" s="218"/>
      <c r="BQ28" s="218"/>
      <c r="BR28" s="218"/>
      <c r="BS28" s="218"/>
      <c r="BT28" s="218"/>
      <c r="BU28" s="218"/>
      <c r="BV28" s="218"/>
      <c r="BW28" s="103"/>
      <c r="BX28" s="218"/>
      <c r="BY28" s="218"/>
      <c r="BZ28" s="218"/>
      <c r="CA28" s="218"/>
      <c r="CB28" s="218"/>
      <c r="CC28" s="218"/>
      <c r="CD28" s="371" t="str">
        <f t="shared" si="0"/>
        <v/>
      </c>
      <c r="CE28" s="371"/>
      <c r="CF28" s="371"/>
      <c r="CG28" s="371"/>
      <c r="CH28" s="371"/>
      <c r="CI28" s="379"/>
      <c r="CJ28" s="383"/>
      <c r="CK28" s="379"/>
      <c r="CL28" s="370"/>
      <c r="CM28" s="370"/>
      <c r="CN28" s="370"/>
      <c r="CO28" s="370"/>
      <c r="CP28" s="370"/>
      <c r="CQ28" s="370"/>
      <c r="CR28" s="370"/>
      <c r="CS28" s="262"/>
      <c r="CT28" s="262"/>
      <c r="CU28" s="262"/>
      <c r="CV28" s="262"/>
      <c r="CW28" s="371"/>
      <c r="CX28" s="371"/>
      <c r="CY28" s="455"/>
    </row>
    <row r="29" spans="1:103" s="67" customFormat="1" ht="12" customHeight="1">
      <c r="A29" s="72">
        <v>9</v>
      </c>
      <c r="B29" s="103"/>
      <c r="C29" s="807"/>
      <c r="D29" s="103"/>
      <c r="E29" s="103"/>
      <c r="F29" s="103"/>
      <c r="G29" s="217"/>
      <c r="H29" s="217"/>
      <c r="I29" s="217"/>
      <c r="J29" s="353"/>
      <c r="K29" s="353"/>
      <c r="L29" s="401"/>
      <c r="M29" s="401"/>
      <c r="N29" s="789"/>
      <c r="O29" s="798"/>
      <c r="P29" s="401"/>
      <c r="Q29" s="401"/>
      <c r="R29" s="401"/>
      <c r="S29" s="401"/>
      <c r="T29" s="401"/>
      <c r="U29" s="401"/>
      <c r="V29" s="799"/>
      <c r="W29" s="792"/>
      <c r="X29" s="505"/>
      <c r="Y29" s="505"/>
      <c r="Z29" s="505"/>
      <c r="AA29" s="505"/>
      <c r="AB29" s="218"/>
      <c r="AC29" s="218"/>
      <c r="AD29" s="218"/>
      <c r="AE29" s="218"/>
      <c r="AF29" s="218"/>
      <c r="AG29" s="218"/>
      <c r="AH29" s="218"/>
      <c r="AI29" s="218"/>
      <c r="AJ29" s="218"/>
      <c r="AK29" s="218"/>
      <c r="AL29" s="218"/>
      <c r="AM29" s="218"/>
      <c r="AN29" s="218"/>
      <c r="AO29" s="218"/>
      <c r="AP29" s="218"/>
      <c r="AQ29" s="218"/>
      <c r="AR29" s="218"/>
      <c r="AS29" s="218"/>
      <c r="AT29" s="218"/>
      <c r="AU29" s="218"/>
      <c r="AV29" s="218"/>
      <c r="AW29" s="218"/>
      <c r="AX29" s="218"/>
      <c r="AY29" s="218"/>
      <c r="AZ29" s="218"/>
      <c r="BA29" s="218"/>
      <c r="BB29" s="218"/>
      <c r="BC29" s="218"/>
      <c r="BD29" s="218"/>
      <c r="BE29" s="218"/>
      <c r="BF29" s="218"/>
      <c r="BG29" s="218"/>
      <c r="BH29" s="218"/>
      <c r="BI29" s="218"/>
      <c r="BJ29" s="218"/>
      <c r="BK29" s="218"/>
      <c r="BL29" s="218"/>
      <c r="BM29" s="218"/>
      <c r="BN29" s="218"/>
      <c r="BO29" s="218"/>
      <c r="BP29" s="218"/>
      <c r="BQ29" s="218"/>
      <c r="BR29" s="218"/>
      <c r="BS29" s="218"/>
      <c r="BT29" s="218"/>
      <c r="BU29" s="218"/>
      <c r="BV29" s="218"/>
      <c r="BW29" s="103"/>
      <c r="BX29" s="218"/>
      <c r="BY29" s="218"/>
      <c r="BZ29" s="218"/>
      <c r="CA29" s="218"/>
      <c r="CB29" s="218"/>
      <c r="CC29" s="218"/>
      <c r="CD29" s="371" t="str">
        <f t="shared" si="0"/>
        <v/>
      </c>
      <c r="CE29" s="371"/>
      <c r="CF29" s="371"/>
      <c r="CG29" s="371"/>
      <c r="CH29" s="371"/>
      <c r="CI29" s="379"/>
      <c r="CJ29" s="383"/>
      <c r="CK29" s="379"/>
      <c r="CL29" s="370"/>
      <c r="CM29" s="370"/>
      <c r="CN29" s="370"/>
      <c r="CO29" s="370"/>
      <c r="CP29" s="370"/>
      <c r="CQ29" s="370"/>
      <c r="CR29" s="370"/>
      <c r="CS29" s="262"/>
      <c r="CT29" s="262"/>
      <c r="CU29" s="262"/>
      <c r="CV29" s="262"/>
      <c r="CW29" s="371"/>
      <c r="CX29" s="371"/>
      <c r="CY29" s="455"/>
    </row>
    <row r="30" spans="1:103" s="67" customFormat="1" ht="12" customHeight="1">
      <c r="A30" s="72">
        <v>10</v>
      </c>
      <c r="B30" s="103"/>
      <c r="C30" s="807"/>
      <c r="D30" s="103"/>
      <c r="E30" s="103"/>
      <c r="F30" s="103"/>
      <c r="G30" s="217"/>
      <c r="H30" s="217"/>
      <c r="I30" s="217"/>
      <c r="J30" s="353"/>
      <c r="K30" s="353"/>
      <c r="L30" s="401"/>
      <c r="M30" s="401"/>
      <c r="N30" s="789"/>
      <c r="O30" s="798"/>
      <c r="P30" s="401"/>
      <c r="Q30" s="401"/>
      <c r="R30" s="401"/>
      <c r="S30" s="401"/>
      <c r="T30" s="401"/>
      <c r="U30" s="401"/>
      <c r="V30" s="799"/>
      <c r="W30" s="792"/>
      <c r="X30" s="505"/>
      <c r="Y30" s="505"/>
      <c r="Z30" s="505"/>
      <c r="AA30" s="505"/>
      <c r="AB30" s="218"/>
      <c r="AC30" s="218"/>
      <c r="AD30" s="218"/>
      <c r="AE30" s="218"/>
      <c r="AF30" s="218"/>
      <c r="AG30" s="218"/>
      <c r="AH30" s="218"/>
      <c r="AI30" s="218"/>
      <c r="AJ30" s="218"/>
      <c r="AK30" s="218"/>
      <c r="AL30" s="218"/>
      <c r="AM30" s="218"/>
      <c r="AN30" s="218"/>
      <c r="AO30" s="218"/>
      <c r="AP30" s="218"/>
      <c r="AQ30" s="218"/>
      <c r="AR30" s="218"/>
      <c r="AS30" s="218"/>
      <c r="AT30" s="218"/>
      <c r="AU30" s="218"/>
      <c r="AV30" s="218"/>
      <c r="AW30" s="218"/>
      <c r="AX30" s="218"/>
      <c r="AY30" s="218"/>
      <c r="AZ30" s="218"/>
      <c r="BA30" s="218"/>
      <c r="BB30" s="218"/>
      <c r="BC30" s="218"/>
      <c r="BD30" s="218"/>
      <c r="BE30" s="218"/>
      <c r="BF30" s="218"/>
      <c r="BG30" s="218"/>
      <c r="BH30" s="218"/>
      <c r="BI30" s="218"/>
      <c r="BJ30" s="218"/>
      <c r="BK30" s="218"/>
      <c r="BL30" s="218"/>
      <c r="BM30" s="218"/>
      <c r="BN30" s="218"/>
      <c r="BO30" s="218"/>
      <c r="BP30" s="218"/>
      <c r="BQ30" s="218"/>
      <c r="BR30" s="218"/>
      <c r="BS30" s="218"/>
      <c r="BT30" s="218"/>
      <c r="BU30" s="218"/>
      <c r="BV30" s="218"/>
      <c r="BW30" s="103"/>
      <c r="BX30" s="218"/>
      <c r="BY30" s="218"/>
      <c r="BZ30" s="218"/>
      <c r="CA30" s="218"/>
      <c r="CB30" s="218"/>
      <c r="CC30" s="218"/>
      <c r="CD30" s="371" t="str">
        <f t="shared" si="0"/>
        <v/>
      </c>
      <c r="CE30" s="371"/>
      <c r="CF30" s="371"/>
      <c r="CG30" s="371"/>
      <c r="CH30" s="371"/>
      <c r="CI30" s="379"/>
      <c r="CJ30" s="383"/>
      <c r="CK30" s="379"/>
      <c r="CL30" s="370"/>
      <c r="CM30" s="370"/>
      <c r="CN30" s="370"/>
      <c r="CO30" s="370"/>
      <c r="CP30" s="370"/>
      <c r="CQ30" s="370"/>
      <c r="CR30" s="370"/>
      <c r="CS30" s="262"/>
      <c r="CT30" s="262"/>
      <c r="CU30" s="262"/>
      <c r="CV30" s="262"/>
      <c r="CW30" s="371"/>
      <c r="CX30" s="371"/>
      <c r="CY30" s="455"/>
    </row>
    <row r="31" spans="1:103" s="67" customFormat="1" ht="12" customHeight="1">
      <c r="A31" s="72">
        <v>11</v>
      </c>
      <c r="B31" s="103"/>
      <c r="C31" s="807"/>
      <c r="D31" s="103"/>
      <c r="E31" s="103"/>
      <c r="F31" s="103"/>
      <c r="G31" s="217"/>
      <c r="H31" s="217"/>
      <c r="I31" s="217"/>
      <c r="J31" s="353"/>
      <c r="K31" s="353"/>
      <c r="L31" s="401"/>
      <c r="M31" s="401"/>
      <c r="N31" s="789"/>
      <c r="O31" s="798"/>
      <c r="P31" s="401"/>
      <c r="Q31" s="401"/>
      <c r="R31" s="401"/>
      <c r="S31" s="401"/>
      <c r="T31" s="401"/>
      <c r="U31" s="401"/>
      <c r="V31" s="799"/>
      <c r="W31" s="792"/>
      <c r="X31" s="505"/>
      <c r="Y31" s="505"/>
      <c r="Z31" s="505"/>
      <c r="AA31" s="505"/>
      <c r="AB31" s="218"/>
      <c r="AC31" s="218"/>
      <c r="AD31" s="218"/>
      <c r="AE31" s="218"/>
      <c r="AF31" s="218"/>
      <c r="AG31" s="218"/>
      <c r="AH31" s="218"/>
      <c r="AI31" s="218"/>
      <c r="AJ31" s="218"/>
      <c r="AK31" s="218"/>
      <c r="AL31" s="218"/>
      <c r="AM31" s="218"/>
      <c r="AN31" s="218"/>
      <c r="AO31" s="218"/>
      <c r="AP31" s="218"/>
      <c r="AQ31" s="218"/>
      <c r="AR31" s="218"/>
      <c r="AS31" s="218"/>
      <c r="AT31" s="218"/>
      <c r="AU31" s="218"/>
      <c r="AV31" s="218"/>
      <c r="AW31" s="218"/>
      <c r="AX31" s="218"/>
      <c r="AY31" s="218"/>
      <c r="AZ31" s="218"/>
      <c r="BA31" s="218"/>
      <c r="BB31" s="218"/>
      <c r="BC31" s="218"/>
      <c r="BD31" s="218"/>
      <c r="BE31" s="218"/>
      <c r="BF31" s="218"/>
      <c r="BG31" s="218"/>
      <c r="BH31" s="218"/>
      <c r="BI31" s="218"/>
      <c r="BJ31" s="218"/>
      <c r="BK31" s="218"/>
      <c r="BL31" s="218"/>
      <c r="BM31" s="218"/>
      <c r="BN31" s="218"/>
      <c r="BO31" s="218"/>
      <c r="BP31" s="218"/>
      <c r="BQ31" s="218"/>
      <c r="BR31" s="218"/>
      <c r="BS31" s="218"/>
      <c r="BT31" s="218"/>
      <c r="BU31" s="218"/>
      <c r="BV31" s="218"/>
      <c r="BW31" s="103"/>
      <c r="BX31" s="218"/>
      <c r="BY31" s="218"/>
      <c r="BZ31" s="218"/>
      <c r="CA31" s="218"/>
      <c r="CB31" s="218"/>
      <c r="CC31" s="218"/>
      <c r="CD31" s="371" t="str">
        <f t="shared" si="0"/>
        <v/>
      </c>
      <c r="CE31" s="371"/>
      <c r="CF31" s="371"/>
      <c r="CG31" s="371"/>
      <c r="CH31" s="371"/>
      <c r="CI31" s="379"/>
      <c r="CJ31" s="383"/>
      <c r="CK31" s="379"/>
      <c r="CL31" s="370"/>
      <c r="CM31" s="370"/>
      <c r="CN31" s="370"/>
      <c r="CO31" s="370"/>
      <c r="CP31" s="370"/>
      <c r="CQ31" s="370"/>
      <c r="CR31" s="370"/>
      <c r="CS31" s="262"/>
      <c r="CT31" s="262"/>
      <c r="CU31" s="262"/>
      <c r="CV31" s="262"/>
      <c r="CW31" s="371"/>
      <c r="CX31" s="371"/>
      <c r="CY31" s="455"/>
    </row>
    <row r="32" spans="1:103" s="67" customFormat="1" ht="12" customHeight="1">
      <c r="A32" s="72">
        <v>12</v>
      </c>
      <c r="B32" s="103"/>
      <c r="C32" s="807"/>
      <c r="D32" s="103"/>
      <c r="E32" s="103"/>
      <c r="F32" s="103"/>
      <c r="G32" s="217"/>
      <c r="H32" s="217"/>
      <c r="I32" s="217"/>
      <c r="J32" s="353"/>
      <c r="K32" s="353"/>
      <c r="L32" s="401"/>
      <c r="M32" s="401"/>
      <c r="N32" s="789"/>
      <c r="O32" s="798"/>
      <c r="P32" s="401"/>
      <c r="Q32" s="401"/>
      <c r="R32" s="401"/>
      <c r="S32" s="401"/>
      <c r="T32" s="401"/>
      <c r="U32" s="401"/>
      <c r="V32" s="799"/>
      <c r="W32" s="792"/>
      <c r="X32" s="505"/>
      <c r="Y32" s="505"/>
      <c r="Z32" s="505"/>
      <c r="AA32" s="505"/>
      <c r="AB32" s="218"/>
      <c r="AC32" s="218"/>
      <c r="AD32" s="218"/>
      <c r="AE32" s="218"/>
      <c r="AF32" s="218"/>
      <c r="AG32" s="218"/>
      <c r="AH32" s="218"/>
      <c r="AI32" s="218"/>
      <c r="AJ32" s="218"/>
      <c r="AK32" s="218"/>
      <c r="AL32" s="218"/>
      <c r="AM32" s="218"/>
      <c r="AN32" s="218"/>
      <c r="AO32" s="218"/>
      <c r="AP32" s="218"/>
      <c r="AQ32" s="218"/>
      <c r="AR32" s="218"/>
      <c r="AS32" s="218"/>
      <c r="AT32" s="218"/>
      <c r="AU32" s="218"/>
      <c r="AV32" s="218"/>
      <c r="AW32" s="218"/>
      <c r="AX32" s="218"/>
      <c r="AY32" s="218"/>
      <c r="AZ32" s="218"/>
      <c r="BA32" s="218"/>
      <c r="BB32" s="218"/>
      <c r="BC32" s="218"/>
      <c r="BD32" s="218"/>
      <c r="BE32" s="218"/>
      <c r="BF32" s="218"/>
      <c r="BG32" s="218"/>
      <c r="BH32" s="218"/>
      <c r="BI32" s="218"/>
      <c r="BJ32" s="218"/>
      <c r="BK32" s="218"/>
      <c r="BL32" s="218"/>
      <c r="BM32" s="218"/>
      <c r="BN32" s="218"/>
      <c r="BO32" s="218"/>
      <c r="BP32" s="218"/>
      <c r="BQ32" s="218"/>
      <c r="BR32" s="218"/>
      <c r="BS32" s="218"/>
      <c r="BT32" s="218"/>
      <c r="BU32" s="218"/>
      <c r="BV32" s="218"/>
      <c r="BW32" s="103"/>
      <c r="BX32" s="218"/>
      <c r="BY32" s="218"/>
      <c r="BZ32" s="218"/>
      <c r="CA32" s="218"/>
      <c r="CB32" s="218"/>
      <c r="CC32" s="218"/>
      <c r="CD32" s="371" t="str">
        <f t="shared" si="0"/>
        <v/>
      </c>
      <c r="CE32" s="371"/>
      <c r="CF32" s="371"/>
      <c r="CG32" s="371"/>
      <c r="CH32" s="371"/>
      <c r="CI32" s="379"/>
      <c r="CJ32" s="383"/>
      <c r="CK32" s="379"/>
      <c r="CL32" s="370"/>
      <c r="CM32" s="370"/>
      <c r="CN32" s="370"/>
      <c r="CO32" s="370"/>
      <c r="CP32" s="370"/>
      <c r="CQ32" s="370"/>
      <c r="CR32" s="370"/>
      <c r="CS32" s="262"/>
      <c r="CT32" s="262"/>
      <c r="CU32" s="262"/>
      <c r="CV32" s="262"/>
      <c r="CW32" s="371"/>
      <c r="CX32" s="371"/>
      <c r="CY32" s="455"/>
    </row>
    <row r="33" spans="1:103" s="67" customFormat="1" ht="12" customHeight="1">
      <c r="A33" s="72">
        <v>13</v>
      </c>
      <c r="B33" s="103"/>
      <c r="C33" s="807"/>
      <c r="D33" s="103"/>
      <c r="E33" s="103"/>
      <c r="F33" s="103"/>
      <c r="G33" s="217"/>
      <c r="H33" s="217"/>
      <c r="I33" s="217"/>
      <c r="J33" s="353"/>
      <c r="K33" s="353"/>
      <c r="L33" s="401"/>
      <c r="M33" s="401"/>
      <c r="N33" s="789"/>
      <c r="O33" s="798"/>
      <c r="P33" s="401"/>
      <c r="Q33" s="401"/>
      <c r="R33" s="401"/>
      <c r="S33" s="401"/>
      <c r="T33" s="401"/>
      <c r="U33" s="401"/>
      <c r="V33" s="799"/>
      <c r="W33" s="792"/>
      <c r="X33" s="505"/>
      <c r="Y33" s="505"/>
      <c r="Z33" s="505"/>
      <c r="AA33" s="505"/>
      <c r="AB33" s="218"/>
      <c r="AC33" s="218"/>
      <c r="AD33" s="218"/>
      <c r="AE33" s="218"/>
      <c r="AF33" s="218"/>
      <c r="AG33" s="218"/>
      <c r="AH33" s="218"/>
      <c r="AI33" s="218"/>
      <c r="AJ33" s="218"/>
      <c r="AK33" s="218"/>
      <c r="AL33" s="218"/>
      <c r="AM33" s="218"/>
      <c r="AN33" s="218"/>
      <c r="AO33" s="218"/>
      <c r="AP33" s="218"/>
      <c r="AQ33" s="218"/>
      <c r="AR33" s="218"/>
      <c r="AS33" s="218"/>
      <c r="AT33" s="218"/>
      <c r="AU33" s="218"/>
      <c r="AV33" s="218"/>
      <c r="AW33" s="218"/>
      <c r="AX33" s="218"/>
      <c r="AY33" s="218"/>
      <c r="AZ33" s="218"/>
      <c r="BA33" s="218"/>
      <c r="BB33" s="218"/>
      <c r="BC33" s="218"/>
      <c r="BD33" s="218"/>
      <c r="BE33" s="218"/>
      <c r="BF33" s="218"/>
      <c r="BG33" s="218"/>
      <c r="BH33" s="218"/>
      <c r="BI33" s="218"/>
      <c r="BJ33" s="218"/>
      <c r="BK33" s="218"/>
      <c r="BL33" s="218"/>
      <c r="BM33" s="218"/>
      <c r="BN33" s="218"/>
      <c r="BO33" s="218"/>
      <c r="BP33" s="218"/>
      <c r="BQ33" s="218"/>
      <c r="BR33" s="218"/>
      <c r="BS33" s="218"/>
      <c r="BT33" s="218"/>
      <c r="BU33" s="218"/>
      <c r="BV33" s="218"/>
      <c r="BW33" s="103"/>
      <c r="BX33" s="218"/>
      <c r="BY33" s="218"/>
      <c r="BZ33" s="218"/>
      <c r="CA33" s="218"/>
      <c r="CB33" s="218"/>
      <c r="CC33" s="218"/>
      <c r="CD33" s="371" t="str">
        <f t="shared" si="0"/>
        <v/>
      </c>
      <c r="CE33" s="371"/>
      <c r="CF33" s="371"/>
      <c r="CG33" s="371"/>
      <c r="CH33" s="371"/>
      <c r="CI33" s="379"/>
      <c r="CJ33" s="383"/>
      <c r="CK33" s="379"/>
      <c r="CL33" s="370"/>
      <c r="CM33" s="370"/>
      <c r="CN33" s="370"/>
      <c r="CO33" s="370"/>
      <c r="CP33" s="370"/>
      <c r="CQ33" s="370"/>
      <c r="CR33" s="370"/>
      <c r="CS33" s="262"/>
      <c r="CT33" s="262"/>
      <c r="CU33" s="262"/>
      <c r="CV33" s="262"/>
      <c r="CW33" s="371"/>
      <c r="CX33" s="371"/>
      <c r="CY33" s="455"/>
    </row>
    <row r="34" spans="1:103" s="67" customFormat="1" ht="12" customHeight="1">
      <c r="A34" s="72">
        <v>14</v>
      </c>
      <c r="B34" s="103"/>
      <c r="C34" s="807"/>
      <c r="D34" s="103"/>
      <c r="E34" s="103"/>
      <c r="F34" s="103"/>
      <c r="G34" s="217"/>
      <c r="H34" s="217"/>
      <c r="I34" s="217"/>
      <c r="J34" s="353"/>
      <c r="K34" s="353"/>
      <c r="L34" s="401"/>
      <c r="M34" s="401"/>
      <c r="N34" s="789"/>
      <c r="O34" s="798"/>
      <c r="P34" s="401"/>
      <c r="Q34" s="401"/>
      <c r="R34" s="401"/>
      <c r="S34" s="401"/>
      <c r="T34" s="401"/>
      <c r="U34" s="401"/>
      <c r="V34" s="799"/>
      <c r="W34" s="792"/>
      <c r="X34" s="505"/>
      <c r="Y34" s="505"/>
      <c r="Z34" s="505"/>
      <c r="AA34" s="505"/>
      <c r="AB34" s="218"/>
      <c r="AC34" s="218"/>
      <c r="AD34" s="218"/>
      <c r="AE34" s="218"/>
      <c r="AF34" s="218"/>
      <c r="AG34" s="218"/>
      <c r="AH34" s="218"/>
      <c r="AI34" s="218"/>
      <c r="AJ34" s="218"/>
      <c r="AK34" s="218"/>
      <c r="AL34" s="218"/>
      <c r="AM34" s="218"/>
      <c r="AN34" s="218"/>
      <c r="AO34" s="218"/>
      <c r="AP34" s="218"/>
      <c r="AQ34" s="218"/>
      <c r="AR34" s="218"/>
      <c r="AS34" s="218"/>
      <c r="AT34" s="218"/>
      <c r="AU34" s="218"/>
      <c r="AV34" s="218"/>
      <c r="AW34" s="218"/>
      <c r="AX34" s="218"/>
      <c r="AY34" s="218"/>
      <c r="AZ34" s="218"/>
      <c r="BA34" s="218"/>
      <c r="BB34" s="218"/>
      <c r="BC34" s="218"/>
      <c r="BD34" s="218"/>
      <c r="BE34" s="218"/>
      <c r="BF34" s="218"/>
      <c r="BG34" s="218"/>
      <c r="BH34" s="218"/>
      <c r="BI34" s="218"/>
      <c r="BJ34" s="218"/>
      <c r="BK34" s="218"/>
      <c r="BL34" s="218"/>
      <c r="BM34" s="218"/>
      <c r="BN34" s="218"/>
      <c r="BO34" s="218"/>
      <c r="BP34" s="218"/>
      <c r="BQ34" s="218"/>
      <c r="BR34" s="218"/>
      <c r="BS34" s="218"/>
      <c r="BT34" s="218"/>
      <c r="BU34" s="218"/>
      <c r="BV34" s="218"/>
      <c r="BW34" s="103"/>
      <c r="BX34" s="218"/>
      <c r="BY34" s="218"/>
      <c r="BZ34" s="218"/>
      <c r="CA34" s="218"/>
      <c r="CB34" s="218"/>
      <c r="CC34" s="218"/>
      <c r="CD34" s="371" t="str">
        <f t="shared" si="0"/>
        <v/>
      </c>
      <c r="CE34" s="371"/>
      <c r="CF34" s="371"/>
      <c r="CG34" s="371"/>
      <c r="CH34" s="371"/>
      <c r="CI34" s="379"/>
      <c r="CJ34" s="383"/>
      <c r="CK34" s="379"/>
      <c r="CL34" s="370"/>
      <c r="CM34" s="370"/>
      <c r="CN34" s="370"/>
      <c r="CO34" s="370"/>
      <c r="CP34" s="370"/>
      <c r="CQ34" s="370"/>
      <c r="CR34" s="370"/>
      <c r="CS34" s="262"/>
      <c r="CT34" s="262"/>
      <c r="CU34" s="262"/>
      <c r="CV34" s="262"/>
      <c r="CW34" s="371"/>
      <c r="CX34" s="371"/>
      <c r="CY34" s="455"/>
    </row>
    <row r="35" spans="1:103" s="67" customFormat="1" ht="12" customHeight="1">
      <c r="A35" s="72">
        <v>15</v>
      </c>
      <c r="B35" s="103"/>
      <c r="C35" s="807"/>
      <c r="D35" s="103"/>
      <c r="E35" s="103"/>
      <c r="F35" s="103"/>
      <c r="G35" s="217"/>
      <c r="H35" s="217"/>
      <c r="I35" s="217"/>
      <c r="J35" s="353"/>
      <c r="K35" s="353"/>
      <c r="L35" s="401"/>
      <c r="M35" s="401"/>
      <c r="N35" s="789"/>
      <c r="O35" s="798"/>
      <c r="P35" s="401"/>
      <c r="Q35" s="401"/>
      <c r="R35" s="401"/>
      <c r="S35" s="401"/>
      <c r="T35" s="401"/>
      <c r="U35" s="401"/>
      <c r="V35" s="799"/>
      <c r="W35" s="792"/>
      <c r="X35" s="505"/>
      <c r="Y35" s="505"/>
      <c r="Z35" s="505"/>
      <c r="AA35" s="505"/>
      <c r="AB35" s="218"/>
      <c r="AC35" s="218"/>
      <c r="AD35" s="218"/>
      <c r="AE35" s="218"/>
      <c r="AF35" s="218"/>
      <c r="AG35" s="218"/>
      <c r="AH35" s="218"/>
      <c r="AI35" s="218"/>
      <c r="AJ35" s="218"/>
      <c r="AK35" s="218"/>
      <c r="AL35" s="218"/>
      <c r="AM35" s="218"/>
      <c r="AN35" s="218"/>
      <c r="AO35" s="218"/>
      <c r="AP35" s="218"/>
      <c r="AQ35" s="218"/>
      <c r="AR35" s="218"/>
      <c r="AS35" s="218"/>
      <c r="AT35" s="218"/>
      <c r="AU35" s="218"/>
      <c r="AV35" s="218"/>
      <c r="AW35" s="218"/>
      <c r="AX35" s="218"/>
      <c r="AY35" s="218"/>
      <c r="AZ35" s="218"/>
      <c r="BA35" s="218"/>
      <c r="BB35" s="218"/>
      <c r="BC35" s="218"/>
      <c r="BD35" s="218"/>
      <c r="BE35" s="218"/>
      <c r="BF35" s="218"/>
      <c r="BG35" s="218"/>
      <c r="BH35" s="218"/>
      <c r="BI35" s="218"/>
      <c r="BJ35" s="218"/>
      <c r="BK35" s="218"/>
      <c r="BL35" s="218"/>
      <c r="BM35" s="218"/>
      <c r="BN35" s="218"/>
      <c r="BO35" s="218"/>
      <c r="BP35" s="218"/>
      <c r="BQ35" s="218"/>
      <c r="BR35" s="218"/>
      <c r="BS35" s="218"/>
      <c r="BT35" s="218"/>
      <c r="BU35" s="218"/>
      <c r="BV35" s="218"/>
      <c r="BW35" s="103"/>
      <c r="BX35" s="218"/>
      <c r="BY35" s="218"/>
      <c r="BZ35" s="218"/>
      <c r="CA35" s="218"/>
      <c r="CB35" s="218"/>
      <c r="CC35" s="218"/>
      <c r="CD35" s="371" t="str">
        <f t="shared" si="0"/>
        <v/>
      </c>
      <c r="CE35" s="371"/>
      <c r="CF35" s="371"/>
      <c r="CG35" s="371"/>
      <c r="CH35" s="371"/>
      <c r="CI35" s="379"/>
      <c r="CJ35" s="383"/>
      <c r="CK35" s="379"/>
      <c r="CL35" s="370"/>
      <c r="CM35" s="370"/>
      <c r="CN35" s="370"/>
      <c r="CO35" s="370"/>
      <c r="CP35" s="370"/>
      <c r="CQ35" s="370"/>
      <c r="CR35" s="370"/>
      <c r="CS35" s="262"/>
      <c r="CT35" s="262"/>
      <c r="CU35" s="262"/>
      <c r="CV35" s="262"/>
      <c r="CW35" s="371"/>
      <c r="CX35" s="371"/>
      <c r="CY35" s="455"/>
    </row>
    <row r="36" spans="1:103" s="67" customFormat="1" ht="12" customHeight="1">
      <c r="A36" s="72">
        <v>16</v>
      </c>
      <c r="B36" s="103"/>
      <c r="C36" s="807"/>
      <c r="D36" s="103"/>
      <c r="E36" s="103"/>
      <c r="F36" s="103"/>
      <c r="G36" s="217"/>
      <c r="H36" s="217"/>
      <c r="I36" s="217"/>
      <c r="J36" s="353"/>
      <c r="K36" s="353"/>
      <c r="L36" s="401"/>
      <c r="M36" s="401"/>
      <c r="N36" s="789"/>
      <c r="O36" s="798"/>
      <c r="P36" s="401"/>
      <c r="Q36" s="401"/>
      <c r="R36" s="401"/>
      <c r="S36" s="401"/>
      <c r="T36" s="401"/>
      <c r="U36" s="401"/>
      <c r="V36" s="799"/>
      <c r="W36" s="792"/>
      <c r="X36" s="505"/>
      <c r="Y36" s="505"/>
      <c r="Z36" s="505"/>
      <c r="AA36" s="505"/>
      <c r="AB36" s="218"/>
      <c r="AC36" s="218"/>
      <c r="AD36" s="218"/>
      <c r="AE36" s="218"/>
      <c r="AF36" s="218"/>
      <c r="AG36" s="218"/>
      <c r="AH36" s="218"/>
      <c r="AI36" s="218"/>
      <c r="AJ36" s="218"/>
      <c r="AK36" s="218"/>
      <c r="AL36" s="218"/>
      <c r="AM36" s="218"/>
      <c r="AN36" s="218"/>
      <c r="AO36" s="218"/>
      <c r="AP36" s="218"/>
      <c r="AQ36" s="218"/>
      <c r="AR36" s="218"/>
      <c r="AS36" s="218"/>
      <c r="AT36" s="218"/>
      <c r="AU36" s="218"/>
      <c r="AV36" s="218"/>
      <c r="AW36" s="218"/>
      <c r="AX36" s="218"/>
      <c r="AY36" s="218"/>
      <c r="AZ36" s="218"/>
      <c r="BA36" s="218"/>
      <c r="BB36" s="218"/>
      <c r="BC36" s="218"/>
      <c r="BD36" s="218"/>
      <c r="BE36" s="218"/>
      <c r="BF36" s="218"/>
      <c r="BG36" s="218"/>
      <c r="BH36" s="218"/>
      <c r="BI36" s="218"/>
      <c r="BJ36" s="218"/>
      <c r="BK36" s="218"/>
      <c r="BL36" s="218"/>
      <c r="BM36" s="218"/>
      <c r="BN36" s="218"/>
      <c r="BO36" s="218"/>
      <c r="BP36" s="218"/>
      <c r="BQ36" s="218"/>
      <c r="BR36" s="218"/>
      <c r="BS36" s="218"/>
      <c r="BT36" s="218"/>
      <c r="BU36" s="218"/>
      <c r="BV36" s="218"/>
      <c r="BW36" s="103"/>
      <c r="BX36" s="218"/>
      <c r="BY36" s="218"/>
      <c r="BZ36" s="218"/>
      <c r="CA36" s="218"/>
      <c r="CB36" s="218"/>
      <c r="CC36" s="218"/>
      <c r="CD36" s="371" t="str">
        <f t="shared" si="0"/>
        <v/>
      </c>
      <c r="CE36" s="371"/>
      <c r="CF36" s="371"/>
      <c r="CG36" s="371"/>
      <c r="CH36" s="371"/>
      <c r="CI36" s="379"/>
      <c r="CJ36" s="383"/>
      <c r="CK36" s="379"/>
      <c r="CL36" s="370"/>
      <c r="CM36" s="370"/>
      <c r="CN36" s="370"/>
      <c r="CO36" s="370"/>
      <c r="CP36" s="370"/>
      <c r="CQ36" s="370"/>
      <c r="CR36" s="370"/>
      <c r="CS36" s="262"/>
      <c r="CT36" s="262"/>
      <c r="CU36" s="262"/>
      <c r="CV36" s="262"/>
      <c r="CW36" s="371"/>
      <c r="CX36" s="371"/>
      <c r="CY36" s="455"/>
    </row>
    <row r="37" spans="1:103" s="67" customFormat="1" ht="12" customHeight="1">
      <c r="A37" s="72">
        <v>17</v>
      </c>
      <c r="B37" s="103"/>
      <c r="C37" s="807"/>
      <c r="D37" s="103"/>
      <c r="E37" s="103"/>
      <c r="F37" s="103"/>
      <c r="G37" s="217"/>
      <c r="H37" s="217"/>
      <c r="I37" s="217"/>
      <c r="J37" s="353"/>
      <c r="K37" s="353"/>
      <c r="L37" s="401"/>
      <c r="M37" s="401"/>
      <c r="N37" s="789"/>
      <c r="O37" s="798"/>
      <c r="P37" s="401"/>
      <c r="Q37" s="401"/>
      <c r="R37" s="401"/>
      <c r="S37" s="401"/>
      <c r="T37" s="401"/>
      <c r="U37" s="401"/>
      <c r="V37" s="799"/>
      <c r="W37" s="792"/>
      <c r="X37" s="505"/>
      <c r="Y37" s="505"/>
      <c r="Z37" s="505"/>
      <c r="AA37" s="505"/>
      <c r="AB37" s="218"/>
      <c r="AC37" s="218"/>
      <c r="AD37" s="218"/>
      <c r="AE37" s="218"/>
      <c r="AF37" s="218"/>
      <c r="AG37" s="218"/>
      <c r="AH37" s="218"/>
      <c r="AI37" s="218"/>
      <c r="AJ37" s="218"/>
      <c r="AK37" s="218"/>
      <c r="AL37" s="218"/>
      <c r="AM37" s="218"/>
      <c r="AN37" s="218"/>
      <c r="AO37" s="218"/>
      <c r="AP37" s="218"/>
      <c r="AQ37" s="218"/>
      <c r="AR37" s="218"/>
      <c r="AS37" s="218"/>
      <c r="AT37" s="218"/>
      <c r="AU37" s="218"/>
      <c r="AV37" s="218"/>
      <c r="AW37" s="218"/>
      <c r="AX37" s="218"/>
      <c r="AY37" s="218"/>
      <c r="AZ37" s="218"/>
      <c r="BA37" s="218"/>
      <c r="BB37" s="218"/>
      <c r="BC37" s="218"/>
      <c r="BD37" s="218"/>
      <c r="BE37" s="218"/>
      <c r="BF37" s="218"/>
      <c r="BG37" s="218"/>
      <c r="BH37" s="218"/>
      <c r="BI37" s="218"/>
      <c r="BJ37" s="218"/>
      <c r="BK37" s="218"/>
      <c r="BL37" s="218"/>
      <c r="BM37" s="218"/>
      <c r="BN37" s="218"/>
      <c r="BO37" s="218"/>
      <c r="BP37" s="218"/>
      <c r="BQ37" s="218"/>
      <c r="BR37" s="218"/>
      <c r="BS37" s="218"/>
      <c r="BT37" s="218"/>
      <c r="BU37" s="218"/>
      <c r="BV37" s="218"/>
      <c r="BW37" s="103"/>
      <c r="BX37" s="218"/>
      <c r="BY37" s="218"/>
      <c r="BZ37" s="218"/>
      <c r="CA37" s="218"/>
      <c r="CB37" s="218"/>
      <c r="CC37" s="218"/>
      <c r="CD37" s="371" t="str">
        <f t="shared" si="0"/>
        <v/>
      </c>
      <c r="CE37" s="371"/>
      <c r="CF37" s="371"/>
      <c r="CG37" s="371"/>
      <c r="CH37" s="371"/>
      <c r="CI37" s="379"/>
      <c r="CJ37" s="383"/>
      <c r="CK37" s="379"/>
      <c r="CL37" s="370"/>
      <c r="CM37" s="370"/>
      <c r="CN37" s="370"/>
      <c r="CO37" s="370"/>
      <c r="CP37" s="370"/>
      <c r="CQ37" s="370"/>
      <c r="CR37" s="370"/>
      <c r="CS37" s="262"/>
      <c r="CT37" s="262"/>
      <c r="CU37" s="262"/>
      <c r="CV37" s="262"/>
      <c r="CW37" s="371"/>
      <c r="CX37" s="371"/>
      <c r="CY37" s="455"/>
    </row>
    <row r="38" spans="1:103" s="67" customFormat="1" ht="12" customHeight="1">
      <c r="A38" s="72">
        <v>18</v>
      </c>
      <c r="B38" s="103"/>
      <c r="C38" s="807"/>
      <c r="D38" s="103"/>
      <c r="E38" s="103"/>
      <c r="F38" s="103"/>
      <c r="G38" s="217"/>
      <c r="H38" s="217"/>
      <c r="I38" s="217"/>
      <c r="J38" s="353"/>
      <c r="K38" s="353"/>
      <c r="L38" s="401"/>
      <c r="M38" s="401"/>
      <c r="N38" s="789"/>
      <c r="O38" s="798"/>
      <c r="P38" s="401"/>
      <c r="Q38" s="401"/>
      <c r="R38" s="401"/>
      <c r="S38" s="401"/>
      <c r="T38" s="401"/>
      <c r="U38" s="401"/>
      <c r="V38" s="799"/>
      <c r="W38" s="792"/>
      <c r="X38" s="505"/>
      <c r="Y38" s="505"/>
      <c r="Z38" s="505"/>
      <c r="AA38" s="505"/>
      <c r="AB38" s="218"/>
      <c r="AC38" s="218"/>
      <c r="AD38" s="218"/>
      <c r="AE38" s="218"/>
      <c r="AF38" s="218"/>
      <c r="AG38" s="218"/>
      <c r="AH38" s="218"/>
      <c r="AI38" s="218"/>
      <c r="AJ38" s="218"/>
      <c r="AK38" s="218"/>
      <c r="AL38" s="218"/>
      <c r="AM38" s="218"/>
      <c r="AN38" s="218"/>
      <c r="AO38" s="218"/>
      <c r="AP38" s="218"/>
      <c r="AQ38" s="218"/>
      <c r="AR38" s="218"/>
      <c r="AS38" s="218"/>
      <c r="AT38" s="218"/>
      <c r="AU38" s="218"/>
      <c r="AV38" s="218"/>
      <c r="AW38" s="218"/>
      <c r="AX38" s="218"/>
      <c r="AY38" s="218"/>
      <c r="AZ38" s="218"/>
      <c r="BA38" s="218"/>
      <c r="BB38" s="218"/>
      <c r="BC38" s="218"/>
      <c r="BD38" s="218"/>
      <c r="BE38" s="218"/>
      <c r="BF38" s="218"/>
      <c r="BG38" s="218"/>
      <c r="BH38" s="218"/>
      <c r="BI38" s="218"/>
      <c r="BJ38" s="218"/>
      <c r="BK38" s="218"/>
      <c r="BL38" s="218"/>
      <c r="BM38" s="218"/>
      <c r="BN38" s="218"/>
      <c r="BO38" s="218"/>
      <c r="BP38" s="218"/>
      <c r="BQ38" s="218"/>
      <c r="BR38" s="218"/>
      <c r="BS38" s="218"/>
      <c r="BT38" s="218"/>
      <c r="BU38" s="218"/>
      <c r="BV38" s="218"/>
      <c r="BW38" s="103"/>
      <c r="BX38" s="218"/>
      <c r="BY38" s="218"/>
      <c r="BZ38" s="218"/>
      <c r="CA38" s="218"/>
      <c r="CB38" s="218"/>
      <c r="CC38" s="218"/>
      <c r="CD38" s="371" t="str">
        <f t="shared" si="0"/>
        <v/>
      </c>
      <c r="CE38" s="371"/>
      <c r="CF38" s="371"/>
      <c r="CG38" s="371"/>
      <c r="CH38" s="371"/>
      <c r="CI38" s="379"/>
      <c r="CJ38" s="383"/>
      <c r="CK38" s="379"/>
      <c r="CL38" s="370"/>
      <c r="CM38" s="370"/>
      <c r="CN38" s="370"/>
      <c r="CO38" s="370"/>
      <c r="CP38" s="370"/>
      <c r="CQ38" s="370"/>
      <c r="CR38" s="370"/>
      <c r="CS38" s="262"/>
      <c r="CT38" s="262"/>
      <c r="CU38" s="262"/>
      <c r="CV38" s="262"/>
      <c r="CW38" s="371"/>
      <c r="CX38" s="371"/>
      <c r="CY38" s="455"/>
    </row>
    <row r="39" spans="1:103" s="67" customFormat="1" ht="12" customHeight="1">
      <c r="A39" s="72">
        <v>19</v>
      </c>
      <c r="B39" s="103"/>
      <c r="C39" s="807"/>
      <c r="D39" s="103"/>
      <c r="E39" s="103"/>
      <c r="F39" s="103"/>
      <c r="G39" s="217"/>
      <c r="H39" s="217"/>
      <c r="I39" s="217"/>
      <c r="J39" s="353"/>
      <c r="K39" s="353"/>
      <c r="L39" s="401"/>
      <c r="M39" s="401"/>
      <c r="N39" s="789"/>
      <c r="O39" s="798"/>
      <c r="P39" s="401"/>
      <c r="Q39" s="401"/>
      <c r="R39" s="401"/>
      <c r="S39" s="401"/>
      <c r="T39" s="401"/>
      <c r="U39" s="401"/>
      <c r="V39" s="799"/>
      <c r="W39" s="792"/>
      <c r="X39" s="505"/>
      <c r="Y39" s="505"/>
      <c r="Z39" s="505"/>
      <c r="AA39" s="505"/>
      <c r="AB39" s="218"/>
      <c r="AC39" s="218"/>
      <c r="AD39" s="218"/>
      <c r="AE39" s="218"/>
      <c r="AF39" s="218"/>
      <c r="AG39" s="218"/>
      <c r="AH39" s="218"/>
      <c r="AI39" s="218"/>
      <c r="AJ39" s="218"/>
      <c r="AK39" s="218"/>
      <c r="AL39" s="218"/>
      <c r="AM39" s="218"/>
      <c r="AN39" s="218"/>
      <c r="AO39" s="218"/>
      <c r="AP39" s="218"/>
      <c r="AQ39" s="218"/>
      <c r="AR39" s="218"/>
      <c r="AS39" s="218"/>
      <c r="AT39" s="218"/>
      <c r="AU39" s="218"/>
      <c r="AV39" s="218"/>
      <c r="AW39" s="218"/>
      <c r="AX39" s="218"/>
      <c r="AY39" s="218"/>
      <c r="AZ39" s="218"/>
      <c r="BA39" s="218"/>
      <c r="BB39" s="218"/>
      <c r="BC39" s="218"/>
      <c r="BD39" s="218"/>
      <c r="BE39" s="218"/>
      <c r="BF39" s="218"/>
      <c r="BG39" s="218"/>
      <c r="BH39" s="218"/>
      <c r="BI39" s="218"/>
      <c r="BJ39" s="218"/>
      <c r="BK39" s="218"/>
      <c r="BL39" s="218"/>
      <c r="BM39" s="218"/>
      <c r="BN39" s="218"/>
      <c r="BO39" s="218"/>
      <c r="BP39" s="218"/>
      <c r="BQ39" s="218"/>
      <c r="BR39" s="218"/>
      <c r="BS39" s="218"/>
      <c r="BT39" s="218"/>
      <c r="BU39" s="218"/>
      <c r="BV39" s="218"/>
      <c r="BW39" s="103"/>
      <c r="BX39" s="218"/>
      <c r="BY39" s="218"/>
      <c r="BZ39" s="218"/>
      <c r="CA39" s="218"/>
      <c r="CB39" s="218"/>
      <c r="CC39" s="218"/>
      <c r="CD39" s="371" t="str">
        <f t="shared" si="0"/>
        <v/>
      </c>
      <c r="CE39" s="371"/>
      <c r="CF39" s="371"/>
      <c r="CG39" s="371"/>
      <c r="CH39" s="371"/>
      <c r="CI39" s="379"/>
      <c r="CJ39" s="383"/>
      <c r="CK39" s="379"/>
      <c r="CL39" s="370"/>
      <c r="CM39" s="370"/>
      <c r="CN39" s="370"/>
      <c r="CO39" s="370"/>
      <c r="CP39" s="370"/>
      <c r="CQ39" s="370"/>
      <c r="CR39" s="370"/>
      <c r="CS39" s="262"/>
      <c r="CT39" s="262"/>
      <c r="CU39" s="262"/>
      <c r="CV39" s="262"/>
      <c r="CW39" s="371"/>
      <c r="CX39" s="371"/>
      <c r="CY39" s="455"/>
    </row>
    <row r="40" spans="1:103" s="67" customFormat="1" ht="12" customHeight="1">
      <c r="A40" s="72">
        <v>20</v>
      </c>
      <c r="B40" s="103"/>
      <c r="C40" s="807"/>
      <c r="D40" s="103"/>
      <c r="E40" s="103"/>
      <c r="F40" s="103"/>
      <c r="G40" s="217"/>
      <c r="H40" s="217"/>
      <c r="I40" s="217"/>
      <c r="J40" s="353"/>
      <c r="K40" s="353"/>
      <c r="L40" s="401"/>
      <c r="M40" s="401"/>
      <c r="N40" s="789"/>
      <c r="O40" s="798"/>
      <c r="P40" s="401"/>
      <c r="Q40" s="401"/>
      <c r="R40" s="401"/>
      <c r="S40" s="401"/>
      <c r="T40" s="401"/>
      <c r="U40" s="401"/>
      <c r="V40" s="799"/>
      <c r="W40" s="792"/>
      <c r="X40" s="505"/>
      <c r="Y40" s="505"/>
      <c r="Z40" s="505"/>
      <c r="AA40" s="505"/>
      <c r="AB40" s="218"/>
      <c r="AC40" s="218"/>
      <c r="AD40" s="218"/>
      <c r="AE40" s="218"/>
      <c r="AF40" s="218"/>
      <c r="AG40" s="218"/>
      <c r="AH40" s="218"/>
      <c r="AI40" s="218"/>
      <c r="AJ40" s="218"/>
      <c r="AK40" s="218"/>
      <c r="AL40" s="218"/>
      <c r="AM40" s="218"/>
      <c r="AN40" s="218"/>
      <c r="AO40" s="218"/>
      <c r="AP40" s="218"/>
      <c r="AQ40" s="218"/>
      <c r="AR40" s="218"/>
      <c r="AS40" s="218"/>
      <c r="AT40" s="218"/>
      <c r="AU40" s="218"/>
      <c r="AV40" s="218"/>
      <c r="AW40" s="218"/>
      <c r="AX40" s="218"/>
      <c r="AY40" s="218"/>
      <c r="AZ40" s="218"/>
      <c r="BA40" s="218"/>
      <c r="BB40" s="218"/>
      <c r="BC40" s="218"/>
      <c r="BD40" s="218"/>
      <c r="BE40" s="218"/>
      <c r="BF40" s="218"/>
      <c r="BG40" s="218"/>
      <c r="BH40" s="218"/>
      <c r="BI40" s="218"/>
      <c r="BJ40" s="218"/>
      <c r="BK40" s="218"/>
      <c r="BL40" s="218"/>
      <c r="BM40" s="218"/>
      <c r="BN40" s="218"/>
      <c r="BO40" s="218"/>
      <c r="BP40" s="218"/>
      <c r="BQ40" s="218"/>
      <c r="BR40" s="218"/>
      <c r="BS40" s="218"/>
      <c r="BT40" s="218"/>
      <c r="BU40" s="218"/>
      <c r="BV40" s="218"/>
      <c r="BW40" s="103"/>
      <c r="BX40" s="218"/>
      <c r="BY40" s="218"/>
      <c r="BZ40" s="218"/>
      <c r="CA40" s="218"/>
      <c r="CB40" s="218"/>
      <c r="CC40" s="218"/>
      <c r="CD40" s="371" t="str">
        <f t="shared" si="0"/>
        <v/>
      </c>
      <c r="CE40" s="371"/>
      <c r="CF40" s="371"/>
      <c r="CG40" s="371"/>
      <c r="CH40" s="371"/>
      <c r="CI40" s="379"/>
      <c r="CJ40" s="383"/>
      <c r="CK40" s="379"/>
      <c r="CL40" s="370"/>
      <c r="CM40" s="370"/>
      <c r="CN40" s="370"/>
      <c r="CO40" s="370"/>
      <c r="CP40" s="370"/>
      <c r="CQ40" s="370"/>
      <c r="CR40" s="370"/>
      <c r="CS40" s="262"/>
      <c r="CT40" s="262"/>
      <c r="CU40" s="262"/>
      <c r="CV40" s="262"/>
      <c r="CW40" s="371"/>
      <c r="CX40" s="371"/>
      <c r="CY40" s="455"/>
    </row>
    <row r="41" spans="1:103" s="67" customFormat="1" ht="12" customHeight="1">
      <c r="A41" s="72">
        <v>21</v>
      </c>
      <c r="B41" s="103"/>
      <c r="C41" s="807"/>
      <c r="D41" s="103"/>
      <c r="E41" s="103"/>
      <c r="F41" s="103"/>
      <c r="G41" s="217"/>
      <c r="H41" s="217"/>
      <c r="I41" s="217"/>
      <c r="J41" s="353"/>
      <c r="K41" s="353"/>
      <c r="L41" s="401"/>
      <c r="M41" s="401"/>
      <c r="N41" s="789"/>
      <c r="O41" s="798"/>
      <c r="P41" s="401"/>
      <c r="Q41" s="401"/>
      <c r="R41" s="401"/>
      <c r="S41" s="401"/>
      <c r="T41" s="401"/>
      <c r="U41" s="401"/>
      <c r="V41" s="799"/>
      <c r="W41" s="792"/>
      <c r="X41" s="505"/>
      <c r="Y41" s="505"/>
      <c r="Z41" s="505"/>
      <c r="AA41" s="505"/>
      <c r="AB41" s="218"/>
      <c r="AC41" s="218"/>
      <c r="AD41" s="218"/>
      <c r="AE41" s="218"/>
      <c r="AF41" s="218"/>
      <c r="AG41" s="218"/>
      <c r="AH41" s="218"/>
      <c r="AI41" s="218"/>
      <c r="AJ41" s="218"/>
      <c r="AK41" s="218"/>
      <c r="AL41" s="218"/>
      <c r="AM41" s="218"/>
      <c r="AN41" s="218"/>
      <c r="AO41" s="218"/>
      <c r="AP41" s="218"/>
      <c r="AQ41" s="218"/>
      <c r="AR41" s="218"/>
      <c r="AS41" s="218"/>
      <c r="AT41" s="218"/>
      <c r="AU41" s="218"/>
      <c r="AV41" s="218"/>
      <c r="AW41" s="218"/>
      <c r="AX41" s="218"/>
      <c r="AY41" s="218"/>
      <c r="AZ41" s="218"/>
      <c r="BA41" s="218"/>
      <c r="BB41" s="218"/>
      <c r="BC41" s="218"/>
      <c r="BD41" s="218"/>
      <c r="BE41" s="218"/>
      <c r="BF41" s="218"/>
      <c r="BG41" s="218"/>
      <c r="BH41" s="218"/>
      <c r="BI41" s="218"/>
      <c r="BJ41" s="218"/>
      <c r="BK41" s="218"/>
      <c r="BL41" s="218"/>
      <c r="BM41" s="218"/>
      <c r="BN41" s="218"/>
      <c r="BO41" s="218"/>
      <c r="BP41" s="218"/>
      <c r="BQ41" s="218"/>
      <c r="BR41" s="218"/>
      <c r="BS41" s="218"/>
      <c r="BT41" s="218"/>
      <c r="BU41" s="218"/>
      <c r="BV41" s="218"/>
      <c r="BW41" s="103"/>
      <c r="BX41" s="218"/>
      <c r="BY41" s="218"/>
      <c r="BZ41" s="218"/>
      <c r="CA41" s="218"/>
      <c r="CB41" s="218"/>
      <c r="CC41" s="218"/>
      <c r="CD41" s="371" t="str">
        <f t="shared" si="0"/>
        <v/>
      </c>
      <c r="CE41" s="371"/>
      <c r="CF41" s="371"/>
      <c r="CG41" s="371"/>
      <c r="CH41" s="371"/>
      <c r="CI41" s="379"/>
      <c r="CJ41" s="383"/>
      <c r="CK41" s="379"/>
      <c r="CL41" s="370"/>
      <c r="CM41" s="370"/>
      <c r="CN41" s="370"/>
      <c r="CO41" s="370"/>
      <c r="CP41" s="370"/>
      <c r="CQ41" s="370"/>
      <c r="CR41" s="370"/>
      <c r="CS41" s="262"/>
      <c r="CT41" s="262"/>
      <c r="CU41" s="262"/>
      <c r="CV41" s="262"/>
      <c r="CW41" s="371"/>
      <c r="CX41" s="371"/>
      <c r="CY41" s="455"/>
    </row>
    <row r="42" spans="1:103" s="67" customFormat="1" ht="12" customHeight="1">
      <c r="A42" s="72">
        <v>22</v>
      </c>
      <c r="B42" s="103"/>
      <c r="C42" s="807"/>
      <c r="D42" s="103"/>
      <c r="E42" s="103"/>
      <c r="F42" s="103"/>
      <c r="G42" s="217"/>
      <c r="H42" s="217"/>
      <c r="I42" s="217"/>
      <c r="J42" s="353"/>
      <c r="K42" s="353"/>
      <c r="L42" s="401"/>
      <c r="M42" s="401"/>
      <c r="N42" s="789"/>
      <c r="O42" s="798"/>
      <c r="P42" s="401"/>
      <c r="Q42" s="401"/>
      <c r="R42" s="401"/>
      <c r="S42" s="401"/>
      <c r="T42" s="401"/>
      <c r="U42" s="401"/>
      <c r="V42" s="799"/>
      <c r="W42" s="792"/>
      <c r="X42" s="505"/>
      <c r="Y42" s="505"/>
      <c r="Z42" s="505"/>
      <c r="AA42" s="505"/>
      <c r="AB42" s="218"/>
      <c r="AC42" s="218"/>
      <c r="AD42" s="218"/>
      <c r="AE42" s="218"/>
      <c r="AF42" s="218"/>
      <c r="AG42" s="218"/>
      <c r="AH42" s="218"/>
      <c r="AI42" s="218"/>
      <c r="AJ42" s="218"/>
      <c r="AK42" s="218"/>
      <c r="AL42" s="218"/>
      <c r="AM42" s="218"/>
      <c r="AN42" s="218"/>
      <c r="AO42" s="218"/>
      <c r="AP42" s="218"/>
      <c r="AQ42" s="218"/>
      <c r="AR42" s="218"/>
      <c r="AS42" s="218"/>
      <c r="AT42" s="218"/>
      <c r="AU42" s="218"/>
      <c r="AV42" s="218"/>
      <c r="AW42" s="218"/>
      <c r="AX42" s="218"/>
      <c r="AY42" s="218"/>
      <c r="AZ42" s="218"/>
      <c r="BA42" s="218"/>
      <c r="BB42" s="218"/>
      <c r="BC42" s="218"/>
      <c r="BD42" s="218"/>
      <c r="BE42" s="218"/>
      <c r="BF42" s="218"/>
      <c r="BG42" s="218"/>
      <c r="BH42" s="218"/>
      <c r="BI42" s="218"/>
      <c r="BJ42" s="218"/>
      <c r="BK42" s="218"/>
      <c r="BL42" s="218"/>
      <c r="BM42" s="218"/>
      <c r="BN42" s="218"/>
      <c r="BO42" s="218"/>
      <c r="BP42" s="218"/>
      <c r="BQ42" s="218"/>
      <c r="BR42" s="218"/>
      <c r="BS42" s="218"/>
      <c r="BT42" s="218"/>
      <c r="BU42" s="218"/>
      <c r="BV42" s="218"/>
      <c r="BW42" s="103"/>
      <c r="BX42" s="218"/>
      <c r="BY42" s="218"/>
      <c r="BZ42" s="218"/>
      <c r="CA42" s="218"/>
      <c r="CB42" s="218"/>
      <c r="CC42" s="218"/>
      <c r="CD42" s="371" t="str">
        <f t="shared" si="0"/>
        <v/>
      </c>
      <c r="CE42" s="371"/>
      <c r="CF42" s="371"/>
      <c r="CG42" s="371"/>
      <c r="CH42" s="371"/>
      <c r="CI42" s="379"/>
      <c r="CJ42" s="383"/>
      <c r="CK42" s="379"/>
      <c r="CL42" s="370"/>
      <c r="CM42" s="370"/>
      <c r="CN42" s="370"/>
      <c r="CO42" s="370"/>
      <c r="CP42" s="370"/>
      <c r="CQ42" s="370"/>
      <c r="CR42" s="370"/>
      <c r="CS42" s="262"/>
      <c r="CT42" s="262"/>
      <c r="CU42" s="262"/>
      <c r="CV42" s="262"/>
      <c r="CW42" s="371"/>
      <c r="CX42" s="371"/>
      <c r="CY42" s="455"/>
    </row>
    <row r="43" spans="1:103" s="67" customFormat="1" ht="12" customHeight="1">
      <c r="A43" s="72">
        <v>23</v>
      </c>
      <c r="B43" s="103"/>
      <c r="C43" s="807"/>
      <c r="D43" s="103"/>
      <c r="E43" s="103"/>
      <c r="F43" s="103"/>
      <c r="G43" s="217"/>
      <c r="H43" s="217"/>
      <c r="I43" s="217"/>
      <c r="J43" s="353"/>
      <c r="K43" s="353"/>
      <c r="L43" s="401"/>
      <c r="M43" s="401"/>
      <c r="N43" s="789"/>
      <c r="O43" s="798"/>
      <c r="P43" s="401"/>
      <c r="Q43" s="401"/>
      <c r="R43" s="401"/>
      <c r="S43" s="401"/>
      <c r="T43" s="401"/>
      <c r="U43" s="401"/>
      <c r="V43" s="799"/>
      <c r="W43" s="792"/>
      <c r="X43" s="505"/>
      <c r="Y43" s="505"/>
      <c r="Z43" s="505"/>
      <c r="AA43" s="505"/>
      <c r="AB43" s="218"/>
      <c r="AC43" s="218"/>
      <c r="AD43" s="218"/>
      <c r="AE43" s="218"/>
      <c r="AF43" s="218"/>
      <c r="AG43" s="218"/>
      <c r="AH43" s="218"/>
      <c r="AI43" s="218"/>
      <c r="AJ43" s="218"/>
      <c r="AK43" s="218"/>
      <c r="AL43" s="218"/>
      <c r="AM43" s="218"/>
      <c r="AN43" s="218"/>
      <c r="AO43" s="218"/>
      <c r="AP43" s="218"/>
      <c r="AQ43" s="218"/>
      <c r="AR43" s="218"/>
      <c r="AS43" s="218"/>
      <c r="AT43" s="218"/>
      <c r="AU43" s="218"/>
      <c r="AV43" s="218"/>
      <c r="AW43" s="218"/>
      <c r="AX43" s="218"/>
      <c r="AY43" s="218"/>
      <c r="AZ43" s="218"/>
      <c r="BA43" s="218"/>
      <c r="BB43" s="218"/>
      <c r="BC43" s="218"/>
      <c r="BD43" s="218"/>
      <c r="BE43" s="218"/>
      <c r="BF43" s="218"/>
      <c r="BG43" s="218"/>
      <c r="BH43" s="218"/>
      <c r="BI43" s="218"/>
      <c r="BJ43" s="218"/>
      <c r="BK43" s="218"/>
      <c r="BL43" s="218"/>
      <c r="BM43" s="218"/>
      <c r="BN43" s="218"/>
      <c r="BO43" s="218"/>
      <c r="BP43" s="218"/>
      <c r="BQ43" s="218"/>
      <c r="BR43" s="218"/>
      <c r="BS43" s="218"/>
      <c r="BT43" s="218"/>
      <c r="BU43" s="218"/>
      <c r="BV43" s="218"/>
      <c r="BW43" s="103"/>
      <c r="BX43" s="218"/>
      <c r="BY43" s="218"/>
      <c r="BZ43" s="218"/>
      <c r="CA43" s="218"/>
      <c r="CB43" s="218"/>
      <c r="CC43" s="218"/>
      <c r="CD43" s="371" t="str">
        <f t="shared" si="0"/>
        <v/>
      </c>
      <c r="CE43" s="371"/>
      <c r="CF43" s="371"/>
      <c r="CG43" s="371"/>
      <c r="CH43" s="371"/>
      <c r="CI43" s="379"/>
      <c r="CJ43" s="383"/>
      <c r="CK43" s="379"/>
      <c r="CL43" s="370"/>
      <c r="CM43" s="370"/>
      <c r="CN43" s="370"/>
      <c r="CO43" s="370"/>
      <c r="CP43" s="370"/>
      <c r="CQ43" s="370"/>
      <c r="CR43" s="370"/>
      <c r="CS43" s="262"/>
      <c r="CT43" s="262"/>
      <c r="CU43" s="262"/>
      <c r="CV43" s="262"/>
      <c r="CW43" s="371"/>
      <c r="CX43" s="371"/>
      <c r="CY43" s="455"/>
    </row>
    <row r="44" spans="1:103" s="67" customFormat="1" ht="12" customHeight="1">
      <c r="A44" s="72">
        <v>24</v>
      </c>
      <c r="B44" s="103"/>
      <c r="C44" s="807"/>
      <c r="D44" s="103"/>
      <c r="E44" s="103"/>
      <c r="F44" s="103"/>
      <c r="G44" s="217"/>
      <c r="H44" s="217"/>
      <c r="I44" s="217"/>
      <c r="J44" s="353"/>
      <c r="K44" s="353"/>
      <c r="L44" s="401"/>
      <c r="M44" s="401"/>
      <c r="N44" s="789"/>
      <c r="O44" s="798"/>
      <c r="P44" s="401"/>
      <c r="Q44" s="401"/>
      <c r="R44" s="401"/>
      <c r="S44" s="401"/>
      <c r="T44" s="401"/>
      <c r="U44" s="401"/>
      <c r="V44" s="799"/>
      <c r="W44" s="792"/>
      <c r="X44" s="505"/>
      <c r="Y44" s="505"/>
      <c r="Z44" s="505"/>
      <c r="AA44" s="505"/>
      <c r="AB44" s="218"/>
      <c r="AC44" s="218"/>
      <c r="AD44" s="218"/>
      <c r="AE44" s="218"/>
      <c r="AF44" s="218"/>
      <c r="AG44" s="218"/>
      <c r="AH44" s="218"/>
      <c r="AI44" s="218"/>
      <c r="AJ44" s="218"/>
      <c r="AK44" s="218"/>
      <c r="AL44" s="218"/>
      <c r="AM44" s="218"/>
      <c r="AN44" s="218"/>
      <c r="AO44" s="218"/>
      <c r="AP44" s="218"/>
      <c r="AQ44" s="218"/>
      <c r="AR44" s="218"/>
      <c r="AS44" s="218"/>
      <c r="AT44" s="218"/>
      <c r="AU44" s="218"/>
      <c r="AV44" s="218"/>
      <c r="AW44" s="218"/>
      <c r="AX44" s="218"/>
      <c r="AY44" s="218"/>
      <c r="AZ44" s="218"/>
      <c r="BA44" s="218"/>
      <c r="BB44" s="218"/>
      <c r="BC44" s="218"/>
      <c r="BD44" s="218"/>
      <c r="BE44" s="218"/>
      <c r="BF44" s="218"/>
      <c r="BG44" s="218"/>
      <c r="BH44" s="218"/>
      <c r="BI44" s="218"/>
      <c r="BJ44" s="218"/>
      <c r="BK44" s="218"/>
      <c r="BL44" s="218"/>
      <c r="BM44" s="218"/>
      <c r="BN44" s="218"/>
      <c r="BO44" s="218"/>
      <c r="BP44" s="218"/>
      <c r="BQ44" s="218"/>
      <c r="BR44" s="218"/>
      <c r="BS44" s="218"/>
      <c r="BT44" s="218"/>
      <c r="BU44" s="218"/>
      <c r="BV44" s="218"/>
      <c r="BW44" s="103"/>
      <c r="BX44" s="218"/>
      <c r="BY44" s="218"/>
      <c r="BZ44" s="218"/>
      <c r="CA44" s="218"/>
      <c r="CB44" s="218"/>
      <c r="CC44" s="218"/>
      <c r="CD44" s="371" t="str">
        <f t="shared" si="0"/>
        <v/>
      </c>
      <c r="CE44" s="371"/>
      <c r="CF44" s="371"/>
      <c r="CG44" s="371"/>
      <c r="CH44" s="371"/>
      <c r="CI44" s="379"/>
      <c r="CJ44" s="383"/>
      <c r="CK44" s="379"/>
      <c r="CL44" s="370"/>
      <c r="CM44" s="370"/>
      <c r="CN44" s="370"/>
      <c r="CO44" s="370"/>
      <c r="CP44" s="370"/>
      <c r="CQ44" s="370"/>
      <c r="CR44" s="370"/>
      <c r="CS44" s="262"/>
      <c r="CT44" s="262"/>
      <c r="CU44" s="262"/>
      <c r="CV44" s="262"/>
      <c r="CW44" s="371"/>
      <c r="CX44" s="371"/>
      <c r="CY44" s="455"/>
    </row>
    <row r="45" spans="1:103" s="67" customFormat="1" ht="12" customHeight="1">
      <c r="A45" s="72">
        <v>25</v>
      </c>
      <c r="B45" s="103"/>
      <c r="C45" s="807"/>
      <c r="D45" s="103"/>
      <c r="E45" s="103"/>
      <c r="F45" s="103"/>
      <c r="G45" s="217"/>
      <c r="H45" s="217"/>
      <c r="I45" s="217"/>
      <c r="J45" s="353"/>
      <c r="K45" s="353"/>
      <c r="L45" s="401"/>
      <c r="M45" s="401"/>
      <c r="N45" s="789"/>
      <c r="O45" s="798"/>
      <c r="P45" s="401"/>
      <c r="Q45" s="401"/>
      <c r="R45" s="401"/>
      <c r="S45" s="401"/>
      <c r="T45" s="401"/>
      <c r="U45" s="401"/>
      <c r="V45" s="799"/>
      <c r="W45" s="792"/>
      <c r="X45" s="505"/>
      <c r="Y45" s="505"/>
      <c r="Z45" s="505"/>
      <c r="AA45" s="505"/>
      <c r="AB45" s="218"/>
      <c r="AC45" s="218"/>
      <c r="AD45" s="218"/>
      <c r="AE45" s="218"/>
      <c r="AF45" s="218"/>
      <c r="AG45" s="218"/>
      <c r="AH45" s="218"/>
      <c r="AI45" s="218"/>
      <c r="AJ45" s="218"/>
      <c r="AK45" s="218"/>
      <c r="AL45" s="218"/>
      <c r="AM45" s="218"/>
      <c r="AN45" s="218"/>
      <c r="AO45" s="218"/>
      <c r="AP45" s="218"/>
      <c r="AQ45" s="218"/>
      <c r="AR45" s="218"/>
      <c r="AS45" s="218"/>
      <c r="AT45" s="218"/>
      <c r="AU45" s="218"/>
      <c r="AV45" s="218"/>
      <c r="AW45" s="218"/>
      <c r="AX45" s="218"/>
      <c r="AY45" s="218"/>
      <c r="AZ45" s="218"/>
      <c r="BA45" s="218"/>
      <c r="BB45" s="218"/>
      <c r="BC45" s="218"/>
      <c r="BD45" s="218"/>
      <c r="BE45" s="218"/>
      <c r="BF45" s="218"/>
      <c r="BG45" s="218"/>
      <c r="BH45" s="218"/>
      <c r="BI45" s="218"/>
      <c r="BJ45" s="218"/>
      <c r="BK45" s="218"/>
      <c r="BL45" s="218"/>
      <c r="BM45" s="218"/>
      <c r="BN45" s="218"/>
      <c r="BO45" s="218"/>
      <c r="BP45" s="218"/>
      <c r="BQ45" s="218"/>
      <c r="BR45" s="218"/>
      <c r="BS45" s="218"/>
      <c r="BT45" s="218"/>
      <c r="BU45" s="218"/>
      <c r="BV45" s="218"/>
      <c r="BW45" s="103"/>
      <c r="BX45" s="218"/>
      <c r="BY45" s="218"/>
      <c r="BZ45" s="218"/>
      <c r="CA45" s="218"/>
      <c r="CB45" s="218"/>
      <c r="CC45" s="218"/>
      <c r="CD45" s="371" t="str">
        <f t="shared" si="0"/>
        <v/>
      </c>
      <c r="CE45" s="371"/>
      <c r="CF45" s="371"/>
      <c r="CG45" s="371"/>
      <c r="CH45" s="371"/>
      <c r="CI45" s="379"/>
      <c r="CJ45" s="383"/>
      <c r="CK45" s="379"/>
      <c r="CL45" s="370"/>
      <c r="CM45" s="370"/>
      <c r="CN45" s="370"/>
      <c r="CO45" s="370"/>
      <c r="CP45" s="370"/>
      <c r="CQ45" s="370"/>
      <c r="CR45" s="370"/>
      <c r="CS45" s="262"/>
      <c r="CT45" s="262"/>
      <c r="CU45" s="262"/>
      <c r="CV45" s="262"/>
      <c r="CW45" s="371"/>
      <c r="CX45" s="371"/>
      <c r="CY45" s="455"/>
    </row>
    <row r="46" spans="1:103" s="67" customFormat="1" ht="12" customHeight="1">
      <c r="A46" s="72">
        <v>26</v>
      </c>
      <c r="B46" s="103"/>
      <c r="C46" s="807"/>
      <c r="D46" s="103"/>
      <c r="E46" s="103"/>
      <c r="F46" s="103"/>
      <c r="G46" s="217"/>
      <c r="H46" s="217"/>
      <c r="I46" s="217"/>
      <c r="J46" s="353"/>
      <c r="K46" s="353"/>
      <c r="L46" s="401"/>
      <c r="M46" s="401"/>
      <c r="N46" s="789"/>
      <c r="O46" s="798"/>
      <c r="P46" s="401"/>
      <c r="Q46" s="401"/>
      <c r="R46" s="401"/>
      <c r="S46" s="401"/>
      <c r="T46" s="401"/>
      <c r="U46" s="401"/>
      <c r="V46" s="799"/>
      <c r="W46" s="792"/>
      <c r="X46" s="505"/>
      <c r="Y46" s="505"/>
      <c r="Z46" s="505"/>
      <c r="AA46" s="505"/>
      <c r="AB46" s="218"/>
      <c r="AC46" s="218"/>
      <c r="AD46" s="218"/>
      <c r="AE46" s="218"/>
      <c r="AF46" s="218"/>
      <c r="AG46" s="218"/>
      <c r="AH46" s="218"/>
      <c r="AI46" s="218"/>
      <c r="AJ46" s="218"/>
      <c r="AK46" s="218"/>
      <c r="AL46" s="218"/>
      <c r="AM46" s="218"/>
      <c r="AN46" s="218"/>
      <c r="AO46" s="218"/>
      <c r="AP46" s="218"/>
      <c r="AQ46" s="218"/>
      <c r="AR46" s="218"/>
      <c r="AS46" s="218"/>
      <c r="AT46" s="218"/>
      <c r="AU46" s="218"/>
      <c r="AV46" s="218"/>
      <c r="AW46" s="218"/>
      <c r="AX46" s="218"/>
      <c r="AY46" s="218"/>
      <c r="AZ46" s="218"/>
      <c r="BA46" s="218"/>
      <c r="BB46" s="218"/>
      <c r="BC46" s="218"/>
      <c r="BD46" s="218"/>
      <c r="BE46" s="218"/>
      <c r="BF46" s="218"/>
      <c r="BG46" s="218"/>
      <c r="BH46" s="218"/>
      <c r="BI46" s="218"/>
      <c r="BJ46" s="218"/>
      <c r="BK46" s="218"/>
      <c r="BL46" s="218"/>
      <c r="BM46" s="218"/>
      <c r="BN46" s="218"/>
      <c r="BO46" s="218"/>
      <c r="BP46" s="218"/>
      <c r="BQ46" s="218"/>
      <c r="BR46" s="218"/>
      <c r="BS46" s="218"/>
      <c r="BT46" s="218"/>
      <c r="BU46" s="218"/>
      <c r="BV46" s="218"/>
      <c r="BW46" s="103"/>
      <c r="BX46" s="218"/>
      <c r="BY46" s="218"/>
      <c r="BZ46" s="218"/>
      <c r="CA46" s="218"/>
      <c r="CB46" s="218"/>
      <c r="CC46" s="218"/>
      <c r="CD46" s="371" t="str">
        <f t="shared" si="0"/>
        <v/>
      </c>
      <c r="CE46" s="371"/>
      <c r="CF46" s="371"/>
      <c r="CG46" s="371"/>
      <c r="CH46" s="371"/>
      <c r="CI46" s="379"/>
      <c r="CJ46" s="383"/>
      <c r="CK46" s="379"/>
      <c r="CL46" s="370"/>
      <c r="CM46" s="370"/>
      <c r="CN46" s="370"/>
      <c r="CO46" s="370"/>
      <c r="CP46" s="370"/>
      <c r="CQ46" s="370"/>
      <c r="CR46" s="370"/>
      <c r="CS46" s="262"/>
      <c r="CT46" s="262"/>
      <c r="CU46" s="262"/>
      <c r="CV46" s="262"/>
      <c r="CW46" s="371"/>
      <c r="CX46" s="371"/>
      <c r="CY46" s="455"/>
    </row>
    <row r="47" spans="1:103" s="67" customFormat="1" ht="12" customHeight="1">
      <c r="A47" s="72">
        <v>27</v>
      </c>
      <c r="B47" s="103"/>
      <c r="C47" s="807"/>
      <c r="D47" s="103"/>
      <c r="E47" s="103"/>
      <c r="F47" s="103"/>
      <c r="G47" s="217"/>
      <c r="H47" s="217"/>
      <c r="I47" s="217"/>
      <c r="J47" s="353"/>
      <c r="K47" s="353"/>
      <c r="L47" s="401"/>
      <c r="M47" s="401"/>
      <c r="N47" s="789"/>
      <c r="O47" s="798"/>
      <c r="P47" s="401"/>
      <c r="Q47" s="401"/>
      <c r="R47" s="401"/>
      <c r="S47" s="401"/>
      <c r="T47" s="401"/>
      <c r="U47" s="401"/>
      <c r="V47" s="799"/>
      <c r="W47" s="792"/>
      <c r="X47" s="505"/>
      <c r="Y47" s="505"/>
      <c r="Z47" s="505"/>
      <c r="AA47" s="505"/>
      <c r="AB47" s="218"/>
      <c r="AC47" s="218"/>
      <c r="AD47" s="218"/>
      <c r="AE47" s="218"/>
      <c r="AF47" s="218"/>
      <c r="AG47" s="218"/>
      <c r="AH47" s="218"/>
      <c r="AI47" s="218"/>
      <c r="AJ47" s="218"/>
      <c r="AK47" s="218"/>
      <c r="AL47" s="218"/>
      <c r="AM47" s="218"/>
      <c r="AN47" s="218"/>
      <c r="AO47" s="218"/>
      <c r="AP47" s="218"/>
      <c r="AQ47" s="218"/>
      <c r="AR47" s="218"/>
      <c r="AS47" s="218"/>
      <c r="AT47" s="218"/>
      <c r="AU47" s="218"/>
      <c r="AV47" s="218"/>
      <c r="AW47" s="218"/>
      <c r="AX47" s="218"/>
      <c r="AY47" s="218"/>
      <c r="AZ47" s="218"/>
      <c r="BA47" s="218"/>
      <c r="BB47" s="218"/>
      <c r="BC47" s="218"/>
      <c r="BD47" s="218"/>
      <c r="BE47" s="218"/>
      <c r="BF47" s="218"/>
      <c r="BG47" s="218"/>
      <c r="BH47" s="218"/>
      <c r="BI47" s="218"/>
      <c r="BJ47" s="218"/>
      <c r="BK47" s="218"/>
      <c r="BL47" s="218"/>
      <c r="BM47" s="218"/>
      <c r="BN47" s="218"/>
      <c r="BO47" s="218"/>
      <c r="BP47" s="218"/>
      <c r="BQ47" s="218"/>
      <c r="BR47" s="218"/>
      <c r="BS47" s="218"/>
      <c r="BT47" s="218"/>
      <c r="BU47" s="218"/>
      <c r="BV47" s="218"/>
      <c r="BW47" s="103"/>
      <c r="BX47" s="218"/>
      <c r="BY47" s="218"/>
      <c r="BZ47" s="218"/>
      <c r="CA47" s="218"/>
      <c r="CB47" s="218"/>
      <c r="CC47" s="218"/>
      <c r="CD47" s="371" t="str">
        <f t="shared" si="0"/>
        <v/>
      </c>
      <c r="CE47" s="371"/>
      <c r="CF47" s="371"/>
      <c r="CG47" s="371"/>
      <c r="CH47" s="371"/>
      <c r="CI47" s="379"/>
      <c r="CJ47" s="383"/>
      <c r="CK47" s="379"/>
      <c r="CL47" s="370"/>
      <c r="CM47" s="370"/>
      <c r="CN47" s="370"/>
      <c r="CO47" s="370"/>
      <c r="CP47" s="370"/>
      <c r="CQ47" s="370"/>
      <c r="CR47" s="370"/>
      <c r="CS47" s="262"/>
      <c r="CT47" s="262"/>
      <c r="CU47" s="262"/>
      <c r="CV47" s="262"/>
      <c r="CW47" s="371"/>
      <c r="CX47" s="371"/>
      <c r="CY47" s="455"/>
    </row>
    <row r="48" spans="1:103" s="67" customFormat="1" ht="12" customHeight="1">
      <c r="A48" s="72">
        <v>28</v>
      </c>
      <c r="B48" s="103"/>
      <c r="C48" s="807"/>
      <c r="D48" s="103"/>
      <c r="E48" s="103"/>
      <c r="F48" s="103"/>
      <c r="G48" s="217"/>
      <c r="H48" s="217"/>
      <c r="I48" s="217"/>
      <c r="J48" s="353"/>
      <c r="K48" s="353"/>
      <c r="L48" s="401"/>
      <c r="M48" s="401"/>
      <c r="N48" s="789"/>
      <c r="O48" s="798"/>
      <c r="P48" s="401"/>
      <c r="Q48" s="401"/>
      <c r="R48" s="401"/>
      <c r="S48" s="401"/>
      <c r="T48" s="401"/>
      <c r="U48" s="401"/>
      <c r="V48" s="799"/>
      <c r="W48" s="792"/>
      <c r="X48" s="505"/>
      <c r="Y48" s="505"/>
      <c r="Z48" s="505"/>
      <c r="AA48" s="505"/>
      <c r="AB48" s="218"/>
      <c r="AC48" s="218"/>
      <c r="AD48" s="218"/>
      <c r="AE48" s="218"/>
      <c r="AF48" s="218"/>
      <c r="AG48" s="218"/>
      <c r="AH48" s="218"/>
      <c r="AI48" s="218"/>
      <c r="AJ48" s="218"/>
      <c r="AK48" s="218"/>
      <c r="AL48" s="218"/>
      <c r="AM48" s="218"/>
      <c r="AN48" s="218"/>
      <c r="AO48" s="218"/>
      <c r="AP48" s="218"/>
      <c r="AQ48" s="218"/>
      <c r="AR48" s="218"/>
      <c r="AS48" s="218"/>
      <c r="AT48" s="218"/>
      <c r="AU48" s="218"/>
      <c r="AV48" s="218"/>
      <c r="AW48" s="218"/>
      <c r="AX48" s="218"/>
      <c r="AY48" s="218"/>
      <c r="AZ48" s="218"/>
      <c r="BA48" s="218"/>
      <c r="BB48" s="218"/>
      <c r="BC48" s="218"/>
      <c r="BD48" s="218"/>
      <c r="BE48" s="218"/>
      <c r="BF48" s="218"/>
      <c r="BG48" s="218"/>
      <c r="BH48" s="218"/>
      <c r="BI48" s="218"/>
      <c r="BJ48" s="218"/>
      <c r="BK48" s="218"/>
      <c r="BL48" s="218"/>
      <c r="BM48" s="218"/>
      <c r="BN48" s="218"/>
      <c r="BO48" s="218"/>
      <c r="BP48" s="218"/>
      <c r="BQ48" s="218"/>
      <c r="BR48" s="218"/>
      <c r="BS48" s="218"/>
      <c r="BT48" s="218"/>
      <c r="BU48" s="218"/>
      <c r="BV48" s="218"/>
      <c r="BW48" s="103"/>
      <c r="BX48" s="218"/>
      <c r="BY48" s="218"/>
      <c r="BZ48" s="218"/>
      <c r="CA48" s="218"/>
      <c r="CB48" s="218"/>
      <c r="CC48" s="218"/>
      <c r="CD48" s="371" t="str">
        <f t="shared" si="0"/>
        <v/>
      </c>
      <c r="CE48" s="371"/>
      <c r="CF48" s="371"/>
      <c r="CG48" s="371"/>
      <c r="CH48" s="371"/>
      <c r="CI48" s="379"/>
      <c r="CJ48" s="383"/>
      <c r="CK48" s="379"/>
      <c r="CL48" s="370"/>
      <c r="CM48" s="370"/>
      <c r="CN48" s="370"/>
      <c r="CO48" s="370"/>
      <c r="CP48" s="370"/>
      <c r="CQ48" s="370"/>
      <c r="CR48" s="370"/>
      <c r="CS48" s="262"/>
      <c r="CT48" s="262"/>
      <c r="CU48" s="262"/>
      <c r="CV48" s="262"/>
      <c r="CW48" s="371"/>
      <c r="CX48" s="371"/>
      <c r="CY48" s="455"/>
    </row>
    <row r="49" spans="1:103" s="67" customFormat="1" ht="12" customHeight="1">
      <c r="A49" s="72">
        <v>29</v>
      </c>
      <c r="B49" s="103"/>
      <c r="C49" s="807"/>
      <c r="D49" s="103"/>
      <c r="E49" s="103"/>
      <c r="F49" s="103"/>
      <c r="G49" s="217"/>
      <c r="H49" s="217"/>
      <c r="I49" s="217"/>
      <c r="J49" s="353"/>
      <c r="K49" s="353"/>
      <c r="L49" s="401"/>
      <c r="M49" s="401"/>
      <c r="N49" s="789"/>
      <c r="O49" s="798"/>
      <c r="P49" s="401"/>
      <c r="Q49" s="401"/>
      <c r="R49" s="401"/>
      <c r="S49" s="401"/>
      <c r="T49" s="401"/>
      <c r="U49" s="401"/>
      <c r="V49" s="799"/>
      <c r="W49" s="792"/>
      <c r="X49" s="505"/>
      <c r="Y49" s="505"/>
      <c r="Z49" s="505"/>
      <c r="AA49" s="505"/>
      <c r="AB49" s="218"/>
      <c r="AC49" s="218"/>
      <c r="AD49" s="218"/>
      <c r="AE49" s="218"/>
      <c r="AF49" s="218"/>
      <c r="AG49" s="218"/>
      <c r="AH49" s="218"/>
      <c r="AI49" s="218"/>
      <c r="AJ49" s="218"/>
      <c r="AK49" s="218"/>
      <c r="AL49" s="218"/>
      <c r="AM49" s="218"/>
      <c r="AN49" s="218"/>
      <c r="AO49" s="218"/>
      <c r="AP49" s="218"/>
      <c r="AQ49" s="218"/>
      <c r="AR49" s="218"/>
      <c r="AS49" s="218"/>
      <c r="AT49" s="218"/>
      <c r="AU49" s="218"/>
      <c r="AV49" s="218"/>
      <c r="AW49" s="218"/>
      <c r="AX49" s="218"/>
      <c r="AY49" s="218"/>
      <c r="AZ49" s="218"/>
      <c r="BA49" s="218"/>
      <c r="BB49" s="218"/>
      <c r="BC49" s="218"/>
      <c r="BD49" s="218"/>
      <c r="BE49" s="218"/>
      <c r="BF49" s="218"/>
      <c r="BG49" s="218"/>
      <c r="BH49" s="218"/>
      <c r="BI49" s="218"/>
      <c r="BJ49" s="218"/>
      <c r="BK49" s="218"/>
      <c r="BL49" s="218"/>
      <c r="BM49" s="218"/>
      <c r="BN49" s="218"/>
      <c r="BO49" s="218"/>
      <c r="BP49" s="218"/>
      <c r="BQ49" s="218"/>
      <c r="BR49" s="218"/>
      <c r="BS49" s="218"/>
      <c r="BT49" s="218"/>
      <c r="BU49" s="218"/>
      <c r="BV49" s="218"/>
      <c r="BW49" s="103"/>
      <c r="BX49" s="218"/>
      <c r="BY49" s="218"/>
      <c r="BZ49" s="218"/>
      <c r="CA49" s="218"/>
      <c r="CB49" s="218"/>
      <c r="CC49" s="218"/>
      <c r="CD49" s="371" t="str">
        <f t="shared" si="0"/>
        <v/>
      </c>
      <c r="CE49" s="371"/>
      <c r="CF49" s="371"/>
      <c r="CG49" s="371"/>
      <c r="CH49" s="371"/>
      <c r="CI49" s="379"/>
      <c r="CJ49" s="383"/>
      <c r="CK49" s="379"/>
      <c r="CL49" s="370"/>
      <c r="CM49" s="370"/>
      <c r="CN49" s="370"/>
      <c r="CO49" s="370"/>
      <c r="CP49" s="370"/>
      <c r="CQ49" s="370"/>
      <c r="CR49" s="370"/>
      <c r="CS49" s="262"/>
      <c r="CT49" s="262"/>
      <c r="CU49" s="262"/>
      <c r="CV49" s="262"/>
      <c r="CW49" s="371"/>
      <c r="CX49" s="371"/>
      <c r="CY49" s="455"/>
    </row>
    <row r="50" spans="1:103" s="67" customFormat="1" ht="12" customHeight="1">
      <c r="A50" s="72">
        <v>30</v>
      </c>
      <c r="B50" s="103"/>
      <c r="C50" s="807"/>
      <c r="D50" s="103"/>
      <c r="E50" s="103"/>
      <c r="F50" s="103"/>
      <c r="G50" s="217"/>
      <c r="H50" s="217"/>
      <c r="I50" s="217"/>
      <c r="J50" s="353"/>
      <c r="K50" s="353"/>
      <c r="L50" s="401"/>
      <c r="M50" s="401"/>
      <c r="N50" s="789"/>
      <c r="O50" s="798"/>
      <c r="P50" s="401"/>
      <c r="Q50" s="401"/>
      <c r="R50" s="401"/>
      <c r="S50" s="401"/>
      <c r="T50" s="401"/>
      <c r="U50" s="401"/>
      <c r="V50" s="799"/>
      <c r="W50" s="792"/>
      <c r="X50" s="505"/>
      <c r="Y50" s="505"/>
      <c r="Z50" s="505"/>
      <c r="AA50" s="505"/>
      <c r="AB50" s="218"/>
      <c r="AC50" s="218"/>
      <c r="AD50" s="218"/>
      <c r="AE50" s="218"/>
      <c r="AF50" s="218"/>
      <c r="AG50" s="218"/>
      <c r="AH50" s="218"/>
      <c r="AI50" s="218"/>
      <c r="AJ50" s="218"/>
      <c r="AK50" s="218"/>
      <c r="AL50" s="218"/>
      <c r="AM50" s="218"/>
      <c r="AN50" s="218"/>
      <c r="AO50" s="218"/>
      <c r="AP50" s="218"/>
      <c r="AQ50" s="218"/>
      <c r="AR50" s="218"/>
      <c r="AS50" s="218"/>
      <c r="AT50" s="218"/>
      <c r="AU50" s="218"/>
      <c r="AV50" s="218"/>
      <c r="AW50" s="218"/>
      <c r="AX50" s="218"/>
      <c r="AY50" s="218"/>
      <c r="AZ50" s="218"/>
      <c r="BA50" s="218"/>
      <c r="BB50" s="218"/>
      <c r="BC50" s="218"/>
      <c r="BD50" s="218"/>
      <c r="BE50" s="218"/>
      <c r="BF50" s="218"/>
      <c r="BG50" s="218"/>
      <c r="BH50" s="218"/>
      <c r="BI50" s="218"/>
      <c r="BJ50" s="218"/>
      <c r="BK50" s="218"/>
      <c r="BL50" s="218"/>
      <c r="BM50" s="218"/>
      <c r="BN50" s="218"/>
      <c r="BO50" s="218"/>
      <c r="BP50" s="218"/>
      <c r="BQ50" s="218"/>
      <c r="BR50" s="218"/>
      <c r="BS50" s="218"/>
      <c r="BT50" s="218"/>
      <c r="BU50" s="218"/>
      <c r="BV50" s="218"/>
      <c r="BW50" s="103"/>
      <c r="BX50" s="218"/>
      <c r="BY50" s="218"/>
      <c r="BZ50" s="218"/>
      <c r="CA50" s="218"/>
      <c r="CB50" s="218"/>
      <c r="CC50" s="218"/>
      <c r="CD50" s="371" t="str">
        <f t="shared" si="0"/>
        <v/>
      </c>
      <c r="CE50" s="371"/>
      <c r="CF50" s="371"/>
      <c r="CG50" s="371"/>
      <c r="CH50" s="371"/>
      <c r="CI50" s="379"/>
      <c r="CJ50" s="383"/>
      <c r="CK50" s="379"/>
      <c r="CL50" s="370"/>
      <c r="CM50" s="370"/>
      <c r="CN50" s="370"/>
      <c r="CO50" s="370"/>
      <c r="CP50" s="370"/>
      <c r="CQ50" s="370"/>
      <c r="CR50" s="370"/>
      <c r="CS50" s="262"/>
      <c r="CT50" s="262"/>
      <c r="CU50" s="262"/>
      <c r="CV50" s="262"/>
      <c r="CW50" s="371"/>
      <c r="CX50" s="371"/>
      <c r="CY50" s="455"/>
    </row>
    <row r="51" spans="1:103" s="67" customFormat="1" ht="12" customHeight="1">
      <c r="A51" s="72">
        <v>31</v>
      </c>
      <c r="B51" s="103"/>
      <c r="C51" s="807"/>
      <c r="D51" s="103"/>
      <c r="E51" s="103"/>
      <c r="F51" s="103"/>
      <c r="G51" s="217"/>
      <c r="H51" s="217"/>
      <c r="I51" s="217"/>
      <c r="J51" s="353"/>
      <c r="K51" s="353"/>
      <c r="L51" s="401"/>
      <c r="M51" s="401"/>
      <c r="N51" s="789"/>
      <c r="O51" s="798"/>
      <c r="P51" s="401"/>
      <c r="Q51" s="401"/>
      <c r="R51" s="401"/>
      <c r="S51" s="401"/>
      <c r="T51" s="401"/>
      <c r="U51" s="401"/>
      <c r="V51" s="799"/>
      <c r="W51" s="792"/>
      <c r="X51" s="505"/>
      <c r="Y51" s="505"/>
      <c r="Z51" s="505"/>
      <c r="AA51" s="505"/>
      <c r="AB51" s="218"/>
      <c r="AC51" s="218"/>
      <c r="AD51" s="218"/>
      <c r="AE51" s="218"/>
      <c r="AF51" s="218"/>
      <c r="AG51" s="218"/>
      <c r="AH51" s="218"/>
      <c r="AI51" s="218"/>
      <c r="AJ51" s="218"/>
      <c r="AK51" s="218"/>
      <c r="AL51" s="218"/>
      <c r="AM51" s="218"/>
      <c r="AN51" s="218"/>
      <c r="AO51" s="218"/>
      <c r="AP51" s="218"/>
      <c r="AQ51" s="218"/>
      <c r="AR51" s="218"/>
      <c r="AS51" s="218"/>
      <c r="AT51" s="218"/>
      <c r="AU51" s="218"/>
      <c r="AV51" s="218"/>
      <c r="AW51" s="218"/>
      <c r="AX51" s="218"/>
      <c r="AY51" s="218"/>
      <c r="AZ51" s="218"/>
      <c r="BA51" s="218"/>
      <c r="BB51" s="218"/>
      <c r="BC51" s="218"/>
      <c r="BD51" s="218"/>
      <c r="BE51" s="218"/>
      <c r="BF51" s="218"/>
      <c r="BG51" s="218"/>
      <c r="BH51" s="218"/>
      <c r="BI51" s="218"/>
      <c r="BJ51" s="218"/>
      <c r="BK51" s="218"/>
      <c r="BL51" s="218"/>
      <c r="BM51" s="218"/>
      <c r="BN51" s="218"/>
      <c r="BO51" s="218"/>
      <c r="BP51" s="218"/>
      <c r="BQ51" s="218"/>
      <c r="BR51" s="218"/>
      <c r="BS51" s="218"/>
      <c r="BT51" s="218"/>
      <c r="BU51" s="218"/>
      <c r="BV51" s="218"/>
      <c r="BW51" s="103"/>
      <c r="BX51" s="218"/>
      <c r="BY51" s="218"/>
      <c r="BZ51" s="218"/>
      <c r="CA51" s="218"/>
      <c r="CB51" s="218"/>
      <c r="CC51" s="218"/>
      <c r="CD51" s="371" t="str">
        <f t="shared" si="0"/>
        <v/>
      </c>
      <c r="CE51" s="371"/>
      <c r="CF51" s="371"/>
      <c r="CG51" s="371"/>
      <c r="CH51" s="371"/>
      <c r="CI51" s="379"/>
      <c r="CJ51" s="383"/>
      <c r="CK51" s="379"/>
      <c r="CL51" s="370"/>
      <c r="CM51" s="370"/>
      <c r="CN51" s="370"/>
      <c r="CO51" s="370"/>
      <c r="CP51" s="370"/>
      <c r="CQ51" s="370"/>
      <c r="CR51" s="370"/>
      <c r="CS51" s="262"/>
      <c r="CT51" s="262"/>
      <c r="CU51" s="262"/>
      <c r="CV51" s="262"/>
      <c r="CW51" s="371"/>
      <c r="CX51" s="371"/>
      <c r="CY51" s="455"/>
    </row>
    <row r="52" spans="1:103" s="67" customFormat="1" ht="12" customHeight="1">
      <c r="A52" s="72">
        <v>32</v>
      </c>
      <c r="B52" s="103"/>
      <c r="C52" s="807"/>
      <c r="D52" s="103"/>
      <c r="E52" s="103"/>
      <c r="F52" s="103"/>
      <c r="G52" s="217"/>
      <c r="H52" s="217"/>
      <c r="I52" s="217"/>
      <c r="J52" s="353"/>
      <c r="K52" s="353"/>
      <c r="L52" s="401"/>
      <c r="M52" s="401"/>
      <c r="N52" s="789"/>
      <c r="O52" s="798"/>
      <c r="P52" s="401"/>
      <c r="Q52" s="401"/>
      <c r="R52" s="401"/>
      <c r="S52" s="401"/>
      <c r="T52" s="401"/>
      <c r="U52" s="401"/>
      <c r="V52" s="799"/>
      <c r="W52" s="792"/>
      <c r="X52" s="505"/>
      <c r="Y52" s="505"/>
      <c r="Z52" s="505"/>
      <c r="AA52" s="505"/>
      <c r="AB52" s="218"/>
      <c r="AC52" s="218"/>
      <c r="AD52" s="218"/>
      <c r="AE52" s="218"/>
      <c r="AF52" s="218"/>
      <c r="AG52" s="218"/>
      <c r="AH52" s="218"/>
      <c r="AI52" s="218"/>
      <c r="AJ52" s="218"/>
      <c r="AK52" s="218"/>
      <c r="AL52" s="218"/>
      <c r="AM52" s="218"/>
      <c r="AN52" s="218"/>
      <c r="AO52" s="218"/>
      <c r="AP52" s="218"/>
      <c r="AQ52" s="218"/>
      <c r="AR52" s="218"/>
      <c r="AS52" s="218"/>
      <c r="AT52" s="218"/>
      <c r="AU52" s="218"/>
      <c r="AV52" s="218"/>
      <c r="AW52" s="218"/>
      <c r="AX52" s="218"/>
      <c r="AY52" s="218"/>
      <c r="AZ52" s="218"/>
      <c r="BA52" s="218"/>
      <c r="BB52" s="218"/>
      <c r="BC52" s="218"/>
      <c r="BD52" s="218"/>
      <c r="BE52" s="218"/>
      <c r="BF52" s="218"/>
      <c r="BG52" s="218"/>
      <c r="BH52" s="218"/>
      <c r="BI52" s="218"/>
      <c r="BJ52" s="218"/>
      <c r="BK52" s="218"/>
      <c r="BL52" s="218"/>
      <c r="BM52" s="218"/>
      <c r="BN52" s="218"/>
      <c r="BO52" s="218"/>
      <c r="BP52" s="218"/>
      <c r="BQ52" s="218"/>
      <c r="BR52" s="218"/>
      <c r="BS52" s="218"/>
      <c r="BT52" s="218"/>
      <c r="BU52" s="218"/>
      <c r="BV52" s="218"/>
      <c r="BW52" s="103"/>
      <c r="BX52" s="218"/>
      <c r="BY52" s="218"/>
      <c r="BZ52" s="218"/>
      <c r="CA52" s="218"/>
      <c r="CB52" s="218"/>
      <c r="CC52" s="218"/>
      <c r="CD52" s="371" t="str">
        <f t="shared" si="0"/>
        <v/>
      </c>
      <c r="CE52" s="371"/>
      <c r="CF52" s="371"/>
      <c r="CG52" s="371"/>
      <c r="CH52" s="371"/>
      <c r="CI52" s="379"/>
      <c r="CJ52" s="383"/>
      <c r="CK52" s="379"/>
      <c r="CL52" s="370"/>
      <c r="CM52" s="370"/>
      <c r="CN52" s="370"/>
      <c r="CO52" s="370"/>
      <c r="CP52" s="370"/>
      <c r="CQ52" s="370"/>
      <c r="CR52" s="370"/>
      <c r="CS52" s="262"/>
      <c r="CT52" s="262"/>
      <c r="CU52" s="262"/>
      <c r="CV52" s="262"/>
      <c r="CW52" s="371"/>
      <c r="CX52" s="371"/>
      <c r="CY52" s="455"/>
    </row>
    <row r="53" spans="1:103" s="67" customFormat="1" ht="12" customHeight="1">
      <c r="A53" s="72">
        <v>33</v>
      </c>
      <c r="B53" s="103"/>
      <c r="C53" s="807"/>
      <c r="D53" s="103"/>
      <c r="E53" s="103"/>
      <c r="F53" s="103"/>
      <c r="G53" s="217"/>
      <c r="H53" s="217"/>
      <c r="I53" s="217"/>
      <c r="J53" s="353"/>
      <c r="K53" s="353"/>
      <c r="L53" s="401"/>
      <c r="M53" s="401"/>
      <c r="N53" s="789"/>
      <c r="O53" s="798"/>
      <c r="P53" s="401"/>
      <c r="Q53" s="401"/>
      <c r="R53" s="401"/>
      <c r="S53" s="401"/>
      <c r="T53" s="401"/>
      <c r="U53" s="401"/>
      <c r="V53" s="799"/>
      <c r="W53" s="792"/>
      <c r="X53" s="505"/>
      <c r="Y53" s="505"/>
      <c r="Z53" s="505"/>
      <c r="AA53" s="505"/>
      <c r="AB53" s="218"/>
      <c r="AC53" s="218"/>
      <c r="AD53" s="218"/>
      <c r="AE53" s="218"/>
      <c r="AF53" s="218"/>
      <c r="AG53" s="218"/>
      <c r="AH53" s="218"/>
      <c r="AI53" s="218"/>
      <c r="AJ53" s="218"/>
      <c r="AK53" s="218"/>
      <c r="AL53" s="218"/>
      <c r="AM53" s="218"/>
      <c r="AN53" s="218"/>
      <c r="AO53" s="218"/>
      <c r="AP53" s="218"/>
      <c r="AQ53" s="218"/>
      <c r="AR53" s="218"/>
      <c r="AS53" s="218"/>
      <c r="AT53" s="218"/>
      <c r="AU53" s="218"/>
      <c r="AV53" s="218"/>
      <c r="AW53" s="218"/>
      <c r="AX53" s="218"/>
      <c r="AY53" s="218"/>
      <c r="AZ53" s="218"/>
      <c r="BA53" s="218"/>
      <c r="BB53" s="218"/>
      <c r="BC53" s="218"/>
      <c r="BD53" s="218"/>
      <c r="BE53" s="218"/>
      <c r="BF53" s="218"/>
      <c r="BG53" s="218"/>
      <c r="BH53" s="218"/>
      <c r="BI53" s="218"/>
      <c r="BJ53" s="218"/>
      <c r="BK53" s="218"/>
      <c r="BL53" s="218"/>
      <c r="BM53" s="218"/>
      <c r="BN53" s="218"/>
      <c r="BO53" s="218"/>
      <c r="BP53" s="218"/>
      <c r="BQ53" s="218"/>
      <c r="BR53" s="218"/>
      <c r="BS53" s="218"/>
      <c r="BT53" s="218"/>
      <c r="BU53" s="218"/>
      <c r="BV53" s="218"/>
      <c r="BW53" s="103"/>
      <c r="BX53" s="218"/>
      <c r="BY53" s="218"/>
      <c r="BZ53" s="218"/>
      <c r="CA53" s="218"/>
      <c r="CB53" s="218"/>
      <c r="CC53" s="218"/>
      <c r="CD53" s="371" t="str">
        <f t="shared" si="0"/>
        <v/>
      </c>
      <c r="CE53" s="371"/>
      <c r="CF53" s="371"/>
      <c r="CG53" s="371"/>
      <c r="CH53" s="371"/>
      <c r="CI53" s="379"/>
      <c r="CJ53" s="383"/>
      <c r="CK53" s="379"/>
      <c r="CL53" s="370"/>
      <c r="CM53" s="370"/>
      <c r="CN53" s="370"/>
      <c r="CO53" s="370"/>
      <c r="CP53" s="370"/>
      <c r="CQ53" s="370"/>
      <c r="CR53" s="370"/>
      <c r="CS53" s="262"/>
      <c r="CT53" s="262"/>
      <c r="CU53" s="262"/>
      <c r="CV53" s="262"/>
      <c r="CW53" s="371"/>
      <c r="CX53" s="371"/>
      <c r="CY53" s="455"/>
    </row>
    <row r="54" spans="1:103" s="67" customFormat="1" ht="12" customHeight="1">
      <c r="A54" s="72">
        <v>34</v>
      </c>
      <c r="B54" s="103"/>
      <c r="C54" s="807"/>
      <c r="D54" s="103"/>
      <c r="E54" s="103"/>
      <c r="F54" s="103"/>
      <c r="G54" s="217"/>
      <c r="H54" s="217"/>
      <c r="I54" s="217"/>
      <c r="J54" s="353"/>
      <c r="K54" s="353"/>
      <c r="L54" s="401"/>
      <c r="M54" s="401"/>
      <c r="N54" s="789"/>
      <c r="O54" s="798"/>
      <c r="P54" s="401"/>
      <c r="Q54" s="401"/>
      <c r="R54" s="401"/>
      <c r="S54" s="401"/>
      <c r="T54" s="401"/>
      <c r="U54" s="401"/>
      <c r="V54" s="799"/>
      <c r="W54" s="792"/>
      <c r="X54" s="505"/>
      <c r="Y54" s="505"/>
      <c r="Z54" s="505"/>
      <c r="AA54" s="505"/>
      <c r="AB54" s="218"/>
      <c r="AC54" s="218"/>
      <c r="AD54" s="218"/>
      <c r="AE54" s="218"/>
      <c r="AF54" s="218"/>
      <c r="AG54" s="218"/>
      <c r="AH54" s="218"/>
      <c r="AI54" s="218"/>
      <c r="AJ54" s="218"/>
      <c r="AK54" s="218"/>
      <c r="AL54" s="218"/>
      <c r="AM54" s="218"/>
      <c r="AN54" s="218"/>
      <c r="AO54" s="218"/>
      <c r="AP54" s="218"/>
      <c r="AQ54" s="218"/>
      <c r="AR54" s="218"/>
      <c r="AS54" s="218"/>
      <c r="AT54" s="218"/>
      <c r="AU54" s="218"/>
      <c r="AV54" s="218"/>
      <c r="AW54" s="218"/>
      <c r="AX54" s="218"/>
      <c r="AY54" s="218"/>
      <c r="AZ54" s="218"/>
      <c r="BA54" s="218"/>
      <c r="BB54" s="218"/>
      <c r="BC54" s="218"/>
      <c r="BD54" s="218"/>
      <c r="BE54" s="218"/>
      <c r="BF54" s="218"/>
      <c r="BG54" s="218"/>
      <c r="BH54" s="218"/>
      <c r="BI54" s="218"/>
      <c r="BJ54" s="218"/>
      <c r="BK54" s="218"/>
      <c r="BL54" s="218"/>
      <c r="BM54" s="218"/>
      <c r="BN54" s="218"/>
      <c r="BO54" s="218"/>
      <c r="BP54" s="218"/>
      <c r="BQ54" s="218"/>
      <c r="BR54" s="218"/>
      <c r="BS54" s="218"/>
      <c r="BT54" s="218"/>
      <c r="BU54" s="218"/>
      <c r="BV54" s="218"/>
      <c r="BW54" s="103"/>
      <c r="BX54" s="218"/>
      <c r="BY54" s="218"/>
      <c r="BZ54" s="218"/>
      <c r="CA54" s="218"/>
      <c r="CB54" s="218"/>
      <c r="CC54" s="218"/>
      <c r="CD54" s="371" t="str">
        <f t="shared" si="0"/>
        <v/>
      </c>
      <c r="CE54" s="371"/>
      <c r="CF54" s="371"/>
      <c r="CG54" s="371"/>
      <c r="CH54" s="371"/>
      <c r="CI54" s="379"/>
      <c r="CJ54" s="383"/>
      <c r="CK54" s="379"/>
      <c r="CL54" s="370"/>
      <c r="CM54" s="370"/>
      <c r="CN54" s="370"/>
      <c r="CO54" s="370"/>
      <c r="CP54" s="370"/>
      <c r="CQ54" s="370"/>
      <c r="CR54" s="370"/>
      <c r="CS54" s="262"/>
      <c r="CT54" s="262"/>
      <c r="CU54" s="262"/>
      <c r="CV54" s="262"/>
      <c r="CW54" s="371"/>
      <c r="CX54" s="371"/>
      <c r="CY54" s="455"/>
    </row>
    <row r="55" spans="1:103" s="67" customFormat="1" ht="12" customHeight="1">
      <c r="A55" s="72">
        <v>35</v>
      </c>
      <c r="B55" s="103"/>
      <c r="C55" s="807"/>
      <c r="D55" s="103"/>
      <c r="E55" s="103"/>
      <c r="F55" s="103"/>
      <c r="G55" s="217"/>
      <c r="H55" s="217"/>
      <c r="I55" s="217"/>
      <c r="J55" s="353"/>
      <c r="K55" s="353"/>
      <c r="L55" s="401"/>
      <c r="M55" s="401"/>
      <c r="N55" s="789"/>
      <c r="O55" s="798"/>
      <c r="P55" s="401"/>
      <c r="Q55" s="401"/>
      <c r="R55" s="401"/>
      <c r="S55" s="401"/>
      <c r="T55" s="401"/>
      <c r="U55" s="401"/>
      <c r="V55" s="799"/>
      <c r="W55" s="792"/>
      <c r="X55" s="505"/>
      <c r="Y55" s="505"/>
      <c r="Z55" s="505"/>
      <c r="AA55" s="505"/>
      <c r="AB55" s="218"/>
      <c r="AC55" s="218"/>
      <c r="AD55" s="218"/>
      <c r="AE55" s="218"/>
      <c r="AF55" s="218"/>
      <c r="AG55" s="218"/>
      <c r="AH55" s="218"/>
      <c r="AI55" s="218"/>
      <c r="AJ55" s="218"/>
      <c r="AK55" s="218"/>
      <c r="AL55" s="218"/>
      <c r="AM55" s="218"/>
      <c r="AN55" s="218"/>
      <c r="AO55" s="218"/>
      <c r="AP55" s="218"/>
      <c r="AQ55" s="218"/>
      <c r="AR55" s="218"/>
      <c r="AS55" s="218"/>
      <c r="AT55" s="218"/>
      <c r="AU55" s="218"/>
      <c r="AV55" s="218"/>
      <c r="AW55" s="218"/>
      <c r="AX55" s="218"/>
      <c r="AY55" s="218"/>
      <c r="AZ55" s="218"/>
      <c r="BA55" s="218"/>
      <c r="BB55" s="218"/>
      <c r="BC55" s="218"/>
      <c r="BD55" s="218"/>
      <c r="BE55" s="218"/>
      <c r="BF55" s="218"/>
      <c r="BG55" s="218"/>
      <c r="BH55" s="218"/>
      <c r="BI55" s="218"/>
      <c r="BJ55" s="218"/>
      <c r="BK55" s="218"/>
      <c r="BL55" s="218"/>
      <c r="BM55" s="218"/>
      <c r="BN55" s="218"/>
      <c r="BO55" s="218"/>
      <c r="BP55" s="218"/>
      <c r="BQ55" s="218"/>
      <c r="BR55" s="218"/>
      <c r="BS55" s="218"/>
      <c r="BT55" s="218"/>
      <c r="BU55" s="218"/>
      <c r="BV55" s="218"/>
      <c r="BW55" s="103"/>
      <c r="BX55" s="218"/>
      <c r="BY55" s="218"/>
      <c r="BZ55" s="218"/>
      <c r="CA55" s="218"/>
      <c r="CB55" s="218"/>
      <c r="CC55" s="218"/>
      <c r="CD55" s="371" t="str">
        <f t="shared" si="0"/>
        <v/>
      </c>
      <c r="CE55" s="371"/>
      <c r="CF55" s="371"/>
      <c r="CG55" s="371"/>
      <c r="CH55" s="371"/>
      <c r="CI55" s="379"/>
      <c r="CJ55" s="383"/>
      <c r="CK55" s="379"/>
      <c r="CL55" s="370"/>
      <c r="CM55" s="370"/>
      <c r="CN55" s="370"/>
      <c r="CO55" s="370"/>
      <c r="CP55" s="370"/>
      <c r="CQ55" s="370"/>
      <c r="CR55" s="370"/>
      <c r="CS55" s="262"/>
      <c r="CT55" s="262"/>
      <c r="CU55" s="262"/>
      <c r="CV55" s="262"/>
      <c r="CW55" s="371"/>
      <c r="CX55" s="371"/>
      <c r="CY55" s="455"/>
    </row>
    <row r="56" spans="1:103" s="67" customFormat="1" ht="12" customHeight="1">
      <c r="A56" s="72">
        <v>36</v>
      </c>
      <c r="B56" s="103"/>
      <c r="C56" s="807"/>
      <c r="D56" s="103"/>
      <c r="E56" s="103"/>
      <c r="F56" s="103"/>
      <c r="G56" s="217"/>
      <c r="H56" s="217"/>
      <c r="I56" s="217"/>
      <c r="J56" s="353"/>
      <c r="K56" s="353"/>
      <c r="L56" s="401"/>
      <c r="M56" s="401"/>
      <c r="N56" s="789"/>
      <c r="O56" s="798"/>
      <c r="P56" s="401"/>
      <c r="Q56" s="401"/>
      <c r="R56" s="401"/>
      <c r="S56" s="401"/>
      <c r="T56" s="401"/>
      <c r="U56" s="401"/>
      <c r="V56" s="799"/>
      <c r="W56" s="792"/>
      <c r="X56" s="505"/>
      <c r="Y56" s="505"/>
      <c r="Z56" s="505"/>
      <c r="AA56" s="505"/>
      <c r="AB56" s="218"/>
      <c r="AC56" s="218"/>
      <c r="AD56" s="218"/>
      <c r="AE56" s="218"/>
      <c r="AF56" s="218"/>
      <c r="AG56" s="218"/>
      <c r="AH56" s="218"/>
      <c r="AI56" s="218"/>
      <c r="AJ56" s="218"/>
      <c r="AK56" s="218"/>
      <c r="AL56" s="218"/>
      <c r="AM56" s="218"/>
      <c r="AN56" s="218"/>
      <c r="AO56" s="218"/>
      <c r="AP56" s="218"/>
      <c r="AQ56" s="218"/>
      <c r="AR56" s="218"/>
      <c r="AS56" s="218"/>
      <c r="AT56" s="218"/>
      <c r="AU56" s="218"/>
      <c r="AV56" s="218"/>
      <c r="AW56" s="218"/>
      <c r="AX56" s="218"/>
      <c r="AY56" s="218"/>
      <c r="AZ56" s="218"/>
      <c r="BA56" s="218"/>
      <c r="BB56" s="218"/>
      <c r="BC56" s="218"/>
      <c r="BD56" s="218"/>
      <c r="BE56" s="218"/>
      <c r="BF56" s="218"/>
      <c r="BG56" s="218"/>
      <c r="BH56" s="218"/>
      <c r="BI56" s="218"/>
      <c r="BJ56" s="218"/>
      <c r="BK56" s="218"/>
      <c r="BL56" s="218"/>
      <c r="BM56" s="218"/>
      <c r="BN56" s="218"/>
      <c r="BO56" s="218"/>
      <c r="BP56" s="218"/>
      <c r="BQ56" s="218"/>
      <c r="BR56" s="218"/>
      <c r="BS56" s="218"/>
      <c r="BT56" s="218"/>
      <c r="BU56" s="218"/>
      <c r="BV56" s="218"/>
      <c r="BW56" s="103"/>
      <c r="BX56" s="218"/>
      <c r="BY56" s="218"/>
      <c r="BZ56" s="218"/>
      <c r="CA56" s="218"/>
      <c r="CB56" s="218"/>
      <c r="CC56" s="218"/>
      <c r="CD56" s="371" t="str">
        <f t="shared" si="0"/>
        <v/>
      </c>
      <c r="CE56" s="371"/>
      <c r="CF56" s="371"/>
      <c r="CG56" s="371"/>
      <c r="CH56" s="371"/>
      <c r="CI56" s="379"/>
      <c r="CJ56" s="383"/>
      <c r="CK56" s="379"/>
      <c r="CL56" s="370"/>
      <c r="CM56" s="370"/>
      <c r="CN56" s="370"/>
      <c r="CO56" s="370"/>
      <c r="CP56" s="370"/>
      <c r="CQ56" s="370"/>
      <c r="CR56" s="370"/>
      <c r="CS56" s="262"/>
      <c r="CT56" s="262"/>
      <c r="CU56" s="262"/>
      <c r="CV56" s="262"/>
      <c r="CW56" s="371"/>
      <c r="CX56" s="371"/>
      <c r="CY56" s="455"/>
    </row>
    <row r="57" spans="1:103" s="67" customFormat="1" ht="12" customHeight="1">
      <c r="A57" s="72">
        <v>37</v>
      </c>
      <c r="B57" s="103"/>
      <c r="C57" s="807"/>
      <c r="D57" s="103"/>
      <c r="E57" s="103"/>
      <c r="F57" s="103"/>
      <c r="G57" s="217"/>
      <c r="H57" s="217"/>
      <c r="I57" s="217"/>
      <c r="J57" s="353"/>
      <c r="K57" s="353"/>
      <c r="L57" s="401"/>
      <c r="M57" s="401"/>
      <c r="N57" s="789"/>
      <c r="O57" s="798"/>
      <c r="P57" s="401"/>
      <c r="Q57" s="401"/>
      <c r="R57" s="401"/>
      <c r="S57" s="401"/>
      <c r="T57" s="401"/>
      <c r="U57" s="401"/>
      <c r="V57" s="799"/>
      <c r="W57" s="792"/>
      <c r="X57" s="505"/>
      <c r="Y57" s="505"/>
      <c r="Z57" s="505"/>
      <c r="AA57" s="505"/>
      <c r="AB57" s="218"/>
      <c r="AC57" s="218"/>
      <c r="AD57" s="218"/>
      <c r="AE57" s="218"/>
      <c r="AF57" s="218"/>
      <c r="AG57" s="218"/>
      <c r="AH57" s="218"/>
      <c r="AI57" s="218"/>
      <c r="AJ57" s="218"/>
      <c r="AK57" s="218"/>
      <c r="AL57" s="218"/>
      <c r="AM57" s="218"/>
      <c r="AN57" s="218"/>
      <c r="AO57" s="218"/>
      <c r="AP57" s="218"/>
      <c r="AQ57" s="218"/>
      <c r="AR57" s="218"/>
      <c r="AS57" s="218"/>
      <c r="AT57" s="218"/>
      <c r="AU57" s="218"/>
      <c r="AV57" s="218"/>
      <c r="AW57" s="218"/>
      <c r="AX57" s="218"/>
      <c r="AY57" s="218"/>
      <c r="AZ57" s="218"/>
      <c r="BA57" s="218"/>
      <c r="BB57" s="218"/>
      <c r="BC57" s="218"/>
      <c r="BD57" s="218"/>
      <c r="BE57" s="218"/>
      <c r="BF57" s="218"/>
      <c r="BG57" s="218"/>
      <c r="BH57" s="218"/>
      <c r="BI57" s="218"/>
      <c r="BJ57" s="218"/>
      <c r="BK57" s="218"/>
      <c r="BL57" s="218"/>
      <c r="BM57" s="218"/>
      <c r="BN57" s="218"/>
      <c r="BO57" s="218"/>
      <c r="BP57" s="218"/>
      <c r="BQ57" s="218"/>
      <c r="BR57" s="218"/>
      <c r="BS57" s="218"/>
      <c r="BT57" s="218"/>
      <c r="BU57" s="218"/>
      <c r="BV57" s="218"/>
      <c r="BW57" s="103"/>
      <c r="BX57" s="218"/>
      <c r="BY57" s="218"/>
      <c r="BZ57" s="218"/>
      <c r="CA57" s="218"/>
      <c r="CB57" s="218"/>
      <c r="CC57" s="218"/>
      <c r="CD57" s="371" t="str">
        <f t="shared" si="0"/>
        <v/>
      </c>
      <c r="CE57" s="371"/>
      <c r="CF57" s="371"/>
      <c r="CG57" s="371"/>
      <c r="CH57" s="371"/>
      <c r="CI57" s="379"/>
      <c r="CJ57" s="383"/>
      <c r="CK57" s="379"/>
      <c r="CL57" s="370"/>
      <c r="CM57" s="370"/>
      <c r="CN57" s="370"/>
      <c r="CO57" s="370"/>
      <c r="CP57" s="370"/>
      <c r="CQ57" s="370"/>
      <c r="CR57" s="370"/>
      <c r="CS57" s="262"/>
      <c r="CT57" s="262"/>
      <c r="CU57" s="262"/>
      <c r="CV57" s="262"/>
      <c r="CW57" s="371"/>
      <c r="CX57" s="371"/>
      <c r="CY57" s="455"/>
    </row>
    <row r="58" spans="1:103" s="67" customFormat="1" ht="12" customHeight="1">
      <c r="A58" s="72">
        <v>38</v>
      </c>
      <c r="B58" s="103"/>
      <c r="C58" s="807"/>
      <c r="D58" s="103"/>
      <c r="E58" s="103"/>
      <c r="F58" s="103"/>
      <c r="G58" s="217"/>
      <c r="H58" s="217"/>
      <c r="I58" s="217"/>
      <c r="J58" s="353"/>
      <c r="K58" s="353"/>
      <c r="L58" s="401"/>
      <c r="M58" s="401"/>
      <c r="N58" s="789"/>
      <c r="O58" s="798"/>
      <c r="P58" s="401"/>
      <c r="Q58" s="401"/>
      <c r="R58" s="401"/>
      <c r="S58" s="401"/>
      <c r="T58" s="401"/>
      <c r="U58" s="401"/>
      <c r="V58" s="799"/>
      <c r="W58" s="792"/>
      <c r="X58" s="505"/>
      <c r="Y58" s="505"/>
      <c r="Z58" s="505"/>
      <c r="AA58" s="505"/>
      <c r="AB58" s="218"/>
      <c r="AC58" s="218"/>
      <c r="AD58" s="218"/>
      <c r="AE58" s="218"/>
      <c r="AF58" s="218"/>
      <c r="AG58" s="218"/>
      <c r="AH58" s="218"/>
      <c r="AI58" s="218"/>
      <c r="AJ58" s="218"/>
      <c r="AK58" s="218"/>
      <c r="AL58" s="218"/>
      <c r="AM58" s="218"/>
      <c r="AN58" s="218"/>
      <c r="AO58" s="218"/>
      <c r="AP58" s="218"/>
      <c r="AQ58" s="218"/>
      <c r="AR58" s="218"/>
      <c r="AS58" s="218"/>
      <c r="AT58" s="218"/>
      <c r="AU58" s="218"/>
      <c r="AV58" s="218"/>
      <c r="AW58" s="218"/>
      <c r="AX58" s="218"/>
      <c r="AY58" s="218"/>
      <c r="AZ58" s="218"/>
      <c r="BA58" s="218"/>
      <c r="BB58" s="218"/>
      <c r="BC58" s="218"/>
      <c r="BD58" s="218"/>
      <c r="BE58" s="218"/>
      <c r="BF58" s="218"/>
      <c r="BG58" s="218"/>
      <c r="BH58" s="218"/>
      <c r="BI58" s="218"/>
      <c r="BJ58" s="218"/>
      <c r="BK58" s="218"/>
      <c r="BL58" s="218"/>
      <c r="BM58" s="218"/>
      <c r="BN58" s="218"/>
      <c r="BO58" s="218"/>
      <c r="BP58" s="218"/>
      <c r="BQ58" s="218"/>
      <c r="BR58" s="218"/>
      <c r="BS58" s="218"/>
      <c r="BT58" s="218"/>
      <c r="BU58" s="218"/>
      <c r="BV58" s="218"/>
      <c r="BW58" s="103"/>
      <c r="BX58" s="218"/>
      <c r="BY58" s="218"/>
      <c r="BZ58" s="218"/>
      <c r="CA58" s="218"/>
      <c r="CB58" s="218"/>
      <c r="CC58" s="218"/>
      <c r="CD58" s="371" t="str">
        <f t="shared" si="0"/>
        <v/>
      </c>
      <c r="CE58" s="371"/>
      <c r="CF58" s="371"/>
      <c r="CG58" s="371"/>
      <c r="CH58" s="371"/>
      <c r="CI58" s="379"/>
      <c r="CJ58" s="383"/>
      <c r="CK58" s="379"/>
      <c r="CL58" s="370"/>
      <c r="CM58" s="370"/>
      <c r="CN58" s="370"/>
      <c r="CO58" s="370"/>
      <c r="CP58" s="370"/>
      <c r="CQ58" s="370"/>
      <c r="CR58" s="370"/>
      <c r="CS58" s="262"/>
      <c r="CT58" s="262"/>
      <c r="CU58" s="262"/>
      <c r="CV58" s="262"/>
      <c r="CW58" s="371"/>
      <c r="CX58" s="371"/>
      <c r="CY58" s="455"/>
    </row>
    <row r="59" spans="1:103" s="67" customFormat="1" ht="12" customHeight="1">
      <c r="A59" s="72">
        <v>39</v>
      </c>
      <c r="B59" s="103"/>
      <c r="C59" s="807"/>
      <c r="D59" s="103"/>
      <c r="E59" s="103"/>
      <c r="F59" s="103"/>
      <c r="G59" s="217"/>
      <c r="H59" s="217"/>
      <c r="I59" s="217"/>
      <c r="J59" s="353"/>
      <c r="K59" s="353"/>
      <c r="L59" s="401"/>
      <c r="M59" s="401"/>
      <c r="N59" s="789"/>
      <c r="O59" s="798"/>
      <c r="P59" s="401"/>
      <c r="Q59" s="401"/>
      <c r="R59" s="401"/>
      <c r="S59" s="401"/>
      <c r="T59" s="401"/>
      <c r="U59" s="401"/>
      <c r="V59" s="799"/>
      <c r="W59" s="792"/>
      <c r="X59" s="505"/>
      <c r="Y59" s="505"/>
      <c r="Z59" s="505"/>
      <c r="AA59" s="505"/>
      <c r="AB59" s="218"/>
      <c r="AC59" s="218"/>
      <c r="AD59" s="218"/>
      <c r="AE59" s="218"/>
      <c r="AF59" s="218"/>
      <c r="AG59" s="218"/>
      <c r="AH59" s="218"/>
      <c r="AI59" s="218"/>
      <c r="AJ59" s="218"/>
      <c r="AK59" s="218"/>
      <c r="AL59" s="218"/>
      <c r="AM59" s="218"/>
      <c r="AN59" s="218"/>
      <c r="AO59" s="218"/>
      <c r="AP59" s="218"/>
      <c r="AQ59" s="218"/>
      <c r="AR59" s="218"/>
      <c r="AS59" s="218"/>
      <c r="AT59" s="218"/>
      <c r="AU59" s="218"/>
      <c r="AV59" s="218"/>
      <c r="AW59" s="218"/>
      <c r="AX59" s="218"/>
      <c r="AY59" s="218"/>
      <c r="AZ59" s="218"/>
      <c r="BA59" s="218"/>
      <c r="BB59" s="218"/>
      <c r="BC59" s="218"/>
      <c r="BD59" s="218"/>
      <c r="BE59" s="218"/>
      <c r="BF59" s="218"/>
      <c r="BG59" s="218"/>
      <c r="BH59" s="218"/>
      <c r="BI59" s="218"/>
      <c r="BJ59" s="218"/>
      <c r="BK59" s="218"/>
      <c r="BL59" s="218"/>
      <c r="BM59" s="218"/>
      <c r="BN59" s="218"/>
      <c r="BO59" s="218"/>
      <c r="BP59" s="218"/>
      <c r="BQ59" s="218"/>
      <c r="BR59" s="218"/>
      <c r="BS59" s="218"/>
      <c r="BT59" s="218"/>
      <c r="BU59" s="218"/>
      <c r="BV59" s="218"/>
      <c r="BW59" s="103"/>
      <c r="BX59" s="218"/>
      <c r="BY59" s="218"/>
      <c r="BZ59" s="218"/>
      <c r="CA59" s="218"/>
      <c r="CB59" s="218"/>
      <c r="CC59" s="218"/>
      <c r="CD59" s="371" t="str">
        <f t="shared" si="0"/>
        <v/>
      </c>
      <c r="CE59" s="371"/>
      <c r="CF59" s="371"/>
      <c r="CG59" s="371"/>
      <c r="CH59" s="371"/>
      <c r="CI59" s="379"/>
      <c r="CJ59" s="383"/>
      <c r="CK59" s="379"/>
      <c r="CL59" s="370"/>
      <c r="CM59" s="370"/>
      <c r="CN59" s="370"/>
      <c r="CO59" s="370"/>
      <c r="CP59" s="370"/>
      <c r="CQ59" s="370"/>
      <c r="CR59" s="370"/>
      <c r="CS59" s="262"/>
      <c r="CT59" s="262"/>
      <c r="CU59" s="262"/>
      <c r="CV59" s="262"/>
      <c r="CW59" s="371"/>
      <c r="CX59" s="371"/>
      <c r="CY59" s="455"/>
    </row>
    <row r="60" spans="1:103" s="67" customFormat="1" ht="12" customHeight="1">
      <c r="A60" s="72">
        <v>40</v>
      </c>
      <c r="B60" s="103"/>
      <c r="C60" s="807"/>
      <c r="D60" s="103"/>
      <c r="E60" s="103"/>
      <c r="F60" s="103"/>
      <c r="G60" s="217"/>
      <c r="H60" s="217"/>
      <c r="I60" s="217"/>
      <c r="J60" s="353"/>
      <c r="K60" s="353"/>
      <c r="L60" s="401"/>
      <c r="M60" s="401"/>
      <c r="N60" s="789"/>
      <c r="O60" s="798"/>
      <c r="P60" s="401"/>
      <c r="Q60" s="401"/>
      <c r="R60" s="401"/>
      <c r="S60" s="401"/>
      <c r="T60" s="401"/>
      <c r="U60" s="401"/>
      <c r="V60" s="799"/>
      <c r="W60" s="792"/>
      <c r="X60" s="505"/>
      <c r="Y60" s="505"/>
      <c r="Z60" s="505"/>
      <c r="AA60" s="505"/>
      <c r="AB60" s="218"/>
      <c r="AC60" s="218"/>
      <c r="AD60" s="218"/>
      <c r="AE60" s="218"/>
      <c r="AF60" s="218"/>
      <c r="AG60" s="218"/>
      <c r="AH60" s="218"/>
      <c r="AI60" s="218"/>
      <c r="AJ60" s="218"/>
      <c r="AK60" s="218"/>
      <c r="AL60" s="218"/>
      <c r="AM60" s="218"/>
      <c r="AN60" s="218"/>
      <c r="AO60" s="218"/>
      <c r="AP60" s="218"/>
      <c r="AQ60" s="218"/>
      <c r="AR60" s="218"/>
      <c r="AS60" s="218"/>
      <c r="AT60" s="218"/>
      <c r="AU60" s="218"/>
      <c r="AV60" s="218"/>
      <c r="AW60" s="218"/>
      <c r="AX60" s="218"/>
      <c r="AY60" s="218"/>
      <c r="AZ60" s="218"/>
      <c r="BA60" s="218"/>
      <c r="BB60" s="218"/>
      <c r="BC60" s="218"/>
      <c r="BD60" s="218"/>
      <c r="BE60" s="218"/>
      <c r="BF60" s="218"/>
      <c r="BG60" s="218"/>
      <c r="BH60" s="218"/>
      <c r="BI60" s="218"/>
      <c r="BJ60" s="218"/>
      <c r="BK60" s="218"/>
      <c r="BL60" s="218"/>
      <c r="BM60" s="218"/>
      <c r="BN60" s="218"/>
      <c r="BO60" s="218"/>
      <c r="BP60" s="218"/>
      <c r="BQ60" s="218"/>
      <c r="BR60" s="218"/>
      <c r="BS60" s="218"/>
      <c r="BT60" s="218"/>
      <c r="BU60" s="218"/>
      <c r="BV60" s="218"/>
      <c r="BW60" s="103"/>
      <c r="BX60" s="218"/>
      <c r="BY60" s="218"/>
      <c r="BZ60" s="218"/>
      <c r="CA60" s="218"/>
      <c r="CB60" s="218"/>
      <c r="CC60" s="218"/>
      <c r="CD60" s="371" t="str">
        <f t="shared" si="0"/>
        <v/>
      </c>
      <c r="CE60" s="371"/>
      <c r="CF60" s="371"/>
      <c r="CG60" s="371"/>
      <c r="CH60" s="371"/>
      <c r="CI60" s="379"/>
      <c r="CJ60" s="383"/>
      <c r="CK60" s="379"/>
      <c r="CL60" s="370"/>
      <c r="CM60" s="370"/>
      <c r="CN60" s="370"/>
      <c r="CO60" s="370"/>
      <c r="CP60" s="370"/>
      <c r="CQ60" s="370"/>
      <c r="CR60" s="370"/>
      <c r="CS60" s="262"/>
      <c r="CT60" s="262"/>
      <c r="CU60" s="262"/>
      <c r="CV60" s="262"/>
      <c r="CW60" s="371"/>
      <c r="CX60" s="371"/>
      <c r="CY60" s="455"/>
    </row>
    <row r="61" spans="1:103" s="67" customFormat="1" ht="12" customHeight="1">
      <c r="A61" s="72">
        <v>41</v>
      </c>
      <c r="B61" s="103"/>
      <c r="C61" s="807"/>
      <c r="D61" s="103"/>
      <c r="E61" s="103"/>
      <c r="F61" s="103"/>
      <c r="G61" s="217"/>
      <c r="H61" s="217"/>
      <c r="I61" s="217"/>
      <c r="J61" s="353"/>
      <c r="K61" s="353"/>
      <c r="L61" s="401"/>
      <c r="M61" s="401"/>
      <c r="N61" s="789"/>
      <c r="O61" s="798"/>
      <c r="P61" s="401"/>
      <c r="Q61" s="401"/>
      <c r="R61" s="401"/>
      <c r="S61" s="401"/>
      <c r="T61" s="401"/>
      <c r="U61" s="401"/>
      <c r="V61" s="799"/>
      <c r="W61" s="792"/>
      <c r="X61" s="505"/>
      <c r="Y61" s="505"/>
      <c r="Z61" s="505"/>
      <c r="AA61" s="505"/>
      <c r="AB61" s="218"/>
      <c r="AC61" s="218"/>
      <c r="AD61" s="218"/>
      <c r="AE61" s="218"/>
      <c r="AF61" s="218"/>
      <c r="AG61" s="218"/>
      <c r="AH61" s="218"/>
      <c r="AI61" s="218"/>
      <c r="AJ61" s="218"/>
      <c r="AK61" s="218"/>
      <c r="AL61" s="218"/>
      <c r="AM61" s="218"/>
      <c r="AN61" s="218"/>
      <c r="AO61" s="218"/>
      <c r="AP61" s="218"/>
      <c r="AQ61" s="218"/>
      <c r="AR61" s="218"/>
      <c r="AS61" s="218"/>
      <c r="AT61" s="218"/>
      <c r="AU61" s="218"/>
      <c r="AV61" s="218"/>
      <c r="AW61" s="218"/>
      <c r="AX61" s="218"/>
      <c r="AY61" s="218"/>
      <c r="AZ61" s="218"/>
      <c r="BA61" s="218"/>
      <c r="BB61" s="218"/>
      <c r="BC61" s="218"/>
      <c r="BD61" s="218"/>
      <c r="BE61" s="218"/>
      <c r="BF61" s="218"/>
      <c r="BG61" s="218"/>
      <c r="BH61" s="218"/>
      <c r="BI61" s="218"/>
      <c r="BJ61" s="218"/>
      <c r="BK61" s="218"/>
      <c r="BL61" s="218"/>
      <c r="BM61" s="218"/>
      <c r="BN61" s="218"/>
      <c r="BO61" s="218"/>
      <c r="BP61" s="218"/>
      <c r="BQ61" s="218"/>
      <c r="BR61" s="218"/>
      <c r="BS61" s="218"/>
      <c r="BT61" s="218"/>
      <c r="BU61" s="218"/>
      <c r="BV61" s="218"/>
      <c r="BW61" s="103"/>
      <c r="BX61" s="218"/>
      <c r="BY61" s="218"/>
      <c r="BZ61" s="218"/>
      <c r="CA61" s="218"/>
      <c r="CB61" s="218"/>
      <c r="CC61" s="218"/>
      <c r="CD61" s="371" t="str">
        <f t="shared" si="0"/>
        <v/>
      </c>
      <c r="CE61" s="371"/>
      <c r="CF61" s="371"/>
      <c r="CG61" s="371"/>
      <c r="CH61" s="371"/>
      <c r="CI61" s="379"/>
      <c r="CJ61" s="383"/>
      <c r="CK61" s="379"/>
      <c r="CL61" s="370"/>
      <c r="CM61" s="370"/>
      <c r="CN61" s="370"/>
      <c r="CO61" s="370"/>
      <c r="CP61" s="370"/>
      <c r="CQ61" s="370"/>
      <c r="CR61" s="370"/>
      <c r="CS61" s="262"/>
      <c r="CT61" s="262"/>
      <c r="CU61" s="262"/>
      <c r="CV61" s="262"/>
      <c r="CW61" s="371"/>
      <c r="CX61" s="371"/>
      <c r="CY61" s="455"/>
    </row>
    <row r="62" spans="1:103" s="67" customFormat="1" ht="12" customHeight="1">
      <c r="A62" s="72">
        <v>42</v>
      </c>
      <c r="B62" s="103"/>
      <c r="C62" s="807"/>
      <c r="D62" s="103"/>
      <c r="E62" s="103"/>
      <c r="F62" s="103"/>
      <c r="G62" s="217"/>
      <c r="H62" s="217"/>
      <c r="I62" s="217"/>
      <c r="J62" s="353"/>
      <c r="K62" s="353"/>
      <c r="L62" s="401"/>
      <c r="M62" s="401"/>
      <c r="N62" s="789"/>
      <c r="O62" s="798"/>
      <c r="P62" s="401"/>
      <c r="Q62" s="401"/>
      <c r="R62" s="401"/>
      <c r="S62" s="401"/>
      <c r="T62" s="401"/>
      <c r="U62" s="401"/>
      <c r="V62" s="799"/>
      <c r="W62" s="792"/>
      <c r="X62" s="505"/>
      <c r="Y62" s="505"/>
      <c r="Z62" s="505"/>
      <c r="AA62" s="505"/>
      <c r="AB62" s="218"/>
      <c r="AC62" s="218"/>
      <c r="AD62" s="218"/>
      <c r="AE62" s="218"/>
      <c r="AF62" s="218"/>
      <c r="AG62" s="218"/>
      <c r="AH62" s="218"/>
      <c r="AI62" s="218"/>
      <c r="AJ62" s="218"/>
      <c r="AK62" s="218"/>
      <c r="AL62" s="218"/>
      <c r="AM62" s="218"/>
      <c r="AN62" s="218"/>
      <c r="AO62" s="218"/>
      <c r="AP62" s="218"/>
      <c r="AQ62" s="218"/>
      <c r="AR62" s="218"/>
      <c r="AS62" s="218"/>
      <c r="AT62" s="218"/>
      <c r="AU62" s="218"/>
      <c r="AV62" s="218"/>
      <c r="AW62" s="218"/>
      <c r="AX62" s="218"/>
      <c r="AY62" s="218"/>
      <c r="AZ62" s="218"/>
      <c r="BA62" s="218"/>
      <c r="BB62" s="218"/>
      <c r="BC62" s="218"/>
      <c r="BD62" s="218"/>
      <c r="BE62" s="218"/>
      <c r="BF62" s="218"/>
      <c r="BG62" s="218"/>
      <c r="BH62" s="218"/>
      <c r="BI62" s="218"/>
      <c r="BJ62" s="218"/>
      <c r="BK62" s="218"/>
      <c r="BL62" s="218"/>
      <c r="BM62" s="218"/>
      <c r="BN62" s="218"/>
      <c r="BO62" s="218"/>
      <c r="BP62" s="218"/>
      <c r="BQ62" s="218"/>
      <c r="BR62" s="218"/>
      <c r="BS62" s="218"/>
      <c r="BT62" s="218"/>
      <c r="BU62" s="218"/>
      <c r="BV62" s="218"/>
      <c r="BW62" s="103"/>
      <c r="BX62" s="218"/>
      <c r="BY62" s="218"/>
      <c r="BZ62" s="218"/>
      <c r="CA62" s="218"/>
      <c r="CB62" s="218"/>
      <c r="CC62" s="218"/>
      <c r="CD62" s="371" t="str">
        <f t="shared" si="0"/>
        <v/>
      </c>
      <c r="CE62" s="371"/>
      <c r="CF62" s="371"/>
      <c r="CG62" s="371"/>
      <c r="CH62" s="371"/>
      <c r="CI62" s="379"/>
      <c r="CJ62" s="383"/>
      <c r="CK62" s="379"/>
      <c r="CL62" s="370"/>
      <c r="CM62" s="370"/>
      <c r="CN62" s="370"/>
      <c r="CO62" s="370"/>
      <c r="CP62" s="370"/>
      <c r="CQ62" s="370"/>
      <c r="CR62" s="370"/>
      <c r="CS62" s="262"/>
      <c r="CT62" s="262"/>
      <c r="CU62" s="262"/>
      <c r="CV62" s="262"/>
      <c r="CW62" s="371"/>
      <c r="CX62" s="371"/>
      <c r="CY62" s="455"/>
    </row>
    <row r="63" spans="1:103" s="67" customFormat="1" ht="12" customHeight="1">
      <c r="A63" s="72">
        <v>43</v>
      </c>
      <c r="B63" s="103"/>
      <c r="C63" s="807"/>
      <c r="D63" s="103"/>
      <c r="E63" s="103"/>
      <c r="F63" s="103"/>
      <c r="G63" s="217"/>
      <c r="H63" s="217"/>
      <c r="I63" s="217"/>
      <c r="J63" s="353"/>
      <c r="K63" s="353"/>
      <c r="L63" s="401"/>
      <c r="M63" s="401"/>
      <c r="N63" s="789"/>
      <c r="O63" s="798"/>
      <c r="P63" s="401"/>
      <c r="Q63" s="401"/>
      <c r="R63" s="401"/>
      <c r="S63" s="401"/>
      <c r="T63" s="401"/>
      <c r="U63" s="401"/>
      <c r="V63" s="799"/>
      <c r="W63" s="792"/>
      <c r="X63" s="505"/>
      <c r="Y63" s="505"/>
      <c r="Z63" s="505"/>
      <c r="AA63" s="505"/>
      <c r="AB63" s="218"/>
      <c r="AC63" s="218"/>
      <c r="AD63" s="218"/>
      <c r="AE63" s="218"/>
      <c r="AF63" s="218"/>
      <c r="AG63" s="218"/>
      <c r="AH63" s="218"/>
      <c r="AI63" s="218"/>
      <c r="AJ63" s="218"/>
      <c r="AK63" s="218"/>
      <c r="AL63" s="218"/>
      <c r="AM63" s="218"/>
      <c r="AN63" s="218"/>
      <c r="AO63" s="218"/>
      <c r="AP63" s="218"/>
      <c r="AQ63" s="218"/>
      <c r="AR63" s="218"/>
      <c r="AS63" s="218"/>
      <c r="AT63" s="218"/>
      <c r="AU63" s="218"/>
      <c r="AV63" s="218"/>
      <c r="AW63" s="218"/>
      <c r="AX63" s="218"/>
      <c r="AY63" s="218"/>
      <c r="AZ63" s="218"/>
      <c r="BA63" s="218"/>
      <c r="BB63" s="218"/>
      <c r="BC63" s="218"/>
      <c r="BD63" s="218"/>
      <c r="BE63" s="218"/>
      <c r="BF63" s="218"/>
      <c r="BG63" s="218"/>
      <c r="BH63" s="218"/>
      <c r="BI63" s="218"/>
      <c r="BJ63" s="218"/>
      <c r="BK63" s="218"/>
      <c r="BL63" s="218"/>
      <c r="BM63" s="218"/>
      <c r="BN63" s="218"/>
      <c r="BO63" s="218"/>
      <c r="BP63" s="218"/>
      <c r="BQ63" s="218"/>
      <c r="BR63" s="218"/>
      <c r="BS63" s="218"/>
      <c r="BT63" s="218"/>
      <c r="BU63" s="218"/>
      <c r="BV63" s="218"/>
      <c r="BW63" s="103"/>
      <c r="BX63" s="218"/>
      <c r="BY63" s="218"/>
      <c r="BZ63" s="218"/>
      <c r="CA63" s="218"/>
      <c r="CB63" s="218"/>
      <c r="CC63" s="218"/>
      <c r="CD63" s="371" t="str">
        <f t="shared" si="0"/>
        <v/>
      </c>
      <c r="CE63" s="371"/>
      <c r="CF63" s="371"/>
      <c r="CG63" s="371"/>
      <c r="CH63" s="371"/>
      <c r="CI63" s="379"/>
      <c r="CJ63" s="383"/>
      <c r="CK63" s="379"/>
      <c r="CL63" s="370"/>
      <c r="CM63" s="370"/>
      <c r="CN63" s="370"/>
      <c r="CO63" s="370"/>
      <c r="CP63" s="370"/>
      <c r="CQ63" s="370"/>
      <c r="CR63" s="370"/>
      <c r="CS63" s="262"/>
      <c r="CT63" s="262"/>
      <c r="CU63" s="262"/>
      <c r="CV63" s="262"/>
      <c r="CW63" s="371"/>
      <c r="CX63" s="371"/>
      <c r="CY63" s="455"/>
    </row>
    <row r="64" spans="1:103" s="67" customFormat="1" ht="12" customHeight="1">
      <c r="A64" s="72">
        <v>44</v>
      </c>
      <c r="B64" s="103"/>
      <c r="C64" s="807"/>
      <c r="D64" s="103"/>
      <c r="E64" s="103"/>
      <c r="F64" s="103"/>
      <c r="G64" s="217"/>
      <c r="H64" s="217"/>
      <c r="I64" s="217"/>
      <c r="J64" s="353"/>
      <c r="K64" s="353"/>
      <c r="L64" s="401"/>
      <c r="M64" s="401"/>
      <c r="N64" s="789"/>
      <c r="O64" s="798"/>
      <c r="P64" s="401"/>
      <c r="Q64" s="401"/>
      <c r="R64" s="401"/>
      <c r="S64" s="401"/>
      <c r="T64" s="401"/>
      <c r="U64" s="401"/>
      <c r="V64" s="799"/>
      <c r="W64" s="792"/>
      <c r="X64" s="505"/>
      <c r="Y64" s="505"/>
      <c r="Z64" s="505"/>
      <c r="AA64" s="505"/>
      <c r="AB64" s="218"/>
      <c r="AC64" s="218"/>
      <c r="AD64" s="218"/>
      <c r="AE64" s="218"/>
      <c r="AF64" s="218"/>
      <c r="AG64" s="218"/>
      <c r="AH64" s="218"/>
      <c r="AI64" s="218"/>
      <c r="AJ64" s="218"/>
      <c r="AK64" s="218"/>
      <c r="AL64" s="218"/>
      <c r="AM64" s="218"/>
      <c r="AN64" s="218"/>
      <c r="AO64" s="218"/>
      <c r="AP64" s="218"/>
      <c r="AQ64" s="218"/>
      <c r="AR64" s="218"/>
      <c r="AS64" s="218"/>
      <c r="AT64" s="218"/>
      <c r="AU64" s="218"/>
      <c r="AV64" s="218"/>
      <c r="AW64" s="218"/>
      <c r="AX64" s="218"/>
      <c r="AY64" s="218"/>
      <c r="AZ64" s="218"/>
      <c r="BA64" s="218"/>
      <c r="BB64" s="218"/>
      <c r="BC64" s="218"/>
      <c r="BD64" s="218"/>
      <c r="BE64" s="218"/>
      <c r="BF64" s="218"/>
      <c r="BG64" s="218"/>
      <c r="BH64" s="218"/>
      <c r="BI64" s="218"/>
      <c r="BJ64" s="218"/>
      <c r="BK64" s="218"/>
      <c r="BL64" s="218"/>
      <c r="BM64" s="218"/>
      <c r="BN64" s="218"/>
      <c r="BO64" s="218"/>
      <c r="BP64" s="218"/>
      <c r="BQ64" s="218"/>
      <c r="BR64" s="218"/>
      <c r="BS64" s="218"/>
      <c r="BT64" s="218"/>
      <c r="BU64" s="218"/>
      <c r="BV64" s="218"/>
      <c r="BW64" s="103"/>
      <c r="BX64" s="218"/>
      <c r="BY64" s="218"/>
      <c r="BZ64" s="218"/>
      <c r="CA64" s="218"/>
      <c r="CB64" s="218"/>
      <c r="CC64" s="218"/>
      <c r="CD64" s="371" t="str">
        <f t="shared" si="0"/>
        <v/>
      </c>
      <c r="CE64" s="371"/>
      <c r="CF64" s="371"/>
      <c r="CG64" s="371"/>
      <c r="CH64" s="371"/>
      <c r="CI64" s="379"/>
      <c r="CJ64" s="383"/>
      <c r="CK64" s="379"/>
      <c r="CL64" s="370"/>
      <c r="CM64" s="370"/>
      <c r="CN64" s="370"/>
      <c r="CO64" s="370"/>
      <c r="CP64" s="370"/>
      <c r="CQ64" s="370"/>
      <c r="CR64" s="370"/>
      <c r="CS64" s="262"/>
      <c r="CT64" s="262"/>
      <c r="CU64" s="262"/>
      <c r="CV64" s="262"/>
      <c r="CW64" s="371"/>
      <c r="CX64" s="371"/>
      <c r="CY64" s="455"/>
    </row>
    <row r="65" spans="1:103" s="67" customFormat="1" ht="12" customHeight="1">
      <c r="A65" s="72">
        <v>45</v>
      </c>
      <c r="B65" s="103"/>
      <c r="C65" s="807"/>
      <c r="D65" s="103"/>
      <c r="E65" s="103"/>
      <c r="F65" s="103"/>
      <c r="G65" s="217"/>
      <c r="H65" s="217"/>
      <c r="I65" s="217"/>
      <c r="J65" s="353"/>
      <c r="K65" s="353"/>
      <c r="L65" s="401"/>
      <c r="M65" s="401"/>
      <c r="N65" s="789"/>
      <c r="O65" s="798"/>
      <c r="P65" s="401"/>
      <c r="Q65" s="401"/>
      <c r="R65" s="401"/>
      <c r="S65" s="401"/>
      <c r="T65" s="401"/>
      <c r="U65" s="401"/>
      <c r="V65" s="799"/>
      <c r="W65" s="792"/>
      <c r="X65" s="505"/>
      <c r="Y65" s="505"/>
      <c r="Z65" s="505"/>
      <c r="AA65" s="505"/>
      <c r="AB65" s="218"/>
      <c r="AC65" s="218"/>
      <c r="AD65" s="218"/>
      <c r="AE65" s="218"/>
      <c r="AF65" s="218"/>
      <c r="AG65" s="218"/>
      <c r="AH65" s="218"/>
      <c r="AI65" s="218"/>
      <c r="AJ65" s="218"/>
      <c r="AK65" s="218"/>
      <c r="AL65" s="218"/>
      <c r="AM65" s="218"/>
      <c r="AN65" s="218"/>
      <c r="AO65" s="218"/>
      <c r="AP65" s="218"/>
      <c r="AQ65" s="218"/>
      <c r="AR65" s="218"/>
      <c r="AS65" s="218"/>
      <c r="AT65" s="218"/>
      <c r="AU65" s="218"/>
      <c r="AV65" s="218"/>
      <c r="AW65" s="218"/>
      <c r="AX65" s="218"/>
      <c r="AY65" s="218"/>
      <c r="AZ65" s="218"/>
      <c r="BA65" s="218"/>
      <c r="BB65" s="218"/>
      <c r="BC65" s="218"/>
      <c r="BD65" s="218"/>
      <c r="BE65" s="218"/>
      <c r="BF65" s="218"/>
      <c r="BG65" s="218"/>
      <c r="BH65" s="218"/>
      <c r="BI65" s="218"/>
      <c r="BJ65" s="218"/>
      <c r="BK65" s="218"/>
      <c r="BL65" s="218"/>
      <c r="BM65" s="218"/>
      <c r="BN65" s="218"/>
      <c r="BO65" s="218"/>
      <c r="BP65" s="218"/>
      <c r="BQ65" s="218"/>
      <c r="BR65" s="218"/>
      <c r="BS65" s="218"/>
      <c r="BT65" s="218"/>
      <c r="BU65" s="218"/>
      <c r="BV65" s="218"/>
      <c r="BW65" s="103"/>
      <c r="BX65" s="218"/>
      <c r="BY65" s="218"/>
      <c r="BZ65" s="218"/>
      <c r="CA65" s="218"/>
      <c r="CB65" s="218"/>
      <c r="CC65" s="218"/>
      <c r="CD65" s="371" t="str">
        <f t="shared" si="0"/>
        <v/>
      </c>
      <c r="CE65" s="371"/>
      <c r="CF65" s="371"/>
      <c r="CG65" s="371"/>
      <c r="CH65" s="371"/>
      <c r="CI65" s="379"/>
      <c r="CJ65" s="383"/>
      <c r="CK65" s="379"/>
      <c r="CL65" s="370"/>
      <c r="CM65" s="370"/>
      <c r="CN65" s="370"/>
      <c r="CO65" s="370"/>
      <c r="CP65" s="370"/>
      <c r="CQ65" s="370"/>
      <c r="CR65" s="370"/>
      <c r="CS65" s="262"/>
      <c r="CT65" s="262"/>
      <c r="CU65" s="262"/>
      <c r="CV65" s="262"/>
      <c r="CW65" s="371"/>
      <c r="CX65" s="371"/>
      <c r="CY65" s="455"/>
    </row>
    <row r="66" spans="1:103" s="67" customFormat="1" ht="12" customHeight="1">
      <c r="A66" s="72">
        <v>46</v>
      </c>
      <c r="B66" s="103"/>
      <c r="C66" s="807"/>
      <c r="D66" s="103"/>
      <c r="E66" s="103"/>
      <c r="F66" s="103"/>
      <c r="G66" s="217"/>
      <c r="H66" s="217"/>
      <c r="I66" s="217"/>
      <c r="J66" s="353"/>
      <c r="K66" s="353"/>
      <c r="L66" s="401"/>
      <c r="M66" s="401"/>
      <c r="N66" s="789"/>
      <c r="O66" s="798"/>
      <c r="P66" s="401"/>
      <c r="Q66" s="401"/>
      <c r="R66" s="401"/>
      <c r="S66" s="401"/>
      <c r="T66" s="401"/>
      <c r="U66" s="401"/>
      <c r="V66" s="799"/>
      <c r="W66" s="792"/>
      <c r="X66" s="505"/>
      <c r="Y66" s="505"/>
      <c r="Z66" s="505"/>
      <c r="AA66" s="505"/>
      <c r="AB66" s="218"/>
      <c r="AC66" s="218"/>
      <c r="AD66" s="218"/>
      <c r="AE66" s="218"/>
      <c r="AF66" s="218"/>
      <c r="AG66" s="218"/>
      <c r="AH66" s="218"/>
      <c r="AI66" s="218"/>
      <c r="AJ66" s="218"/>
      <c r="AK66" s="218"/>
      <c r="AL66" s="218"/>
      <c r="AM66" s="218"/>
      <c r="AN66" s="218"/>
      <c r="AO66" s="218"/>
      <c r="AP66" s="218"/>
      <c r="AQ66" s="218"/>
      <c r="AR66" s="218"/>
      <c r="AS66" s="218"/>
      <c r="AT66" s="218"/>
      <c r="AU66" s="218"/>
      <c r="AV66" s="218"/>
      <c r="AW66" s="218"/>
      <c r="AX66" s="218"/>
      <c r="AY66" s="218"/>
      <c r="AZ66" s="218"/>
      <c r="BA66" s="218"/>
      <c r="BB66" s="218"/>
      <c r="BC66" s="218"/>
      <c r="BD66" s="218"/>
      <c r="BE66" s="218"/>
      <c r="BF66" s="218"/>
      <c r="BG66" s="218"/>
      <c r="BH66" s="218"/>
      <c r="BI66" s="218"/>
      <c r="BJ66" s="218"/>
      <c r="BK66" s="218"/>
      <c r="BL66" s="218"/>
      <c r="BM66" s="218"/>
      <c r="BN66" s="218"/>
      <c r="BO66" s="218"/>
      <c r="BP66" s="218"/>
      <c r="BQ66" s="218"/>
      <c r="BR66" s="218"/>
      <c r="BS66" s="218"/>
      <c r="BT66" s="218"/>
      <c r="BU66" s="218"/>
      <c r="BV66" s="218"/>
      <c r="BW66" s="103"/>
      <c r="BX66" s="218"/>
      <c r="BY66" s="218"/>
      <c r="BZ66" s="218"/>
      <c r="CA66" s="218"/>
      <c r="CB66" s="218"/>
      <c r="CC66" s="218"/>
      <c r="CD66" s="371" t="str">
        <f t="shared" si="0"/>
        <v/>
      </c>
      <c r="CE66" s="371"/>
      <c r="CF66" s="371"/>
      <c r="CG66" s="371"/>
      <c r="CH66" s="371"/>
      <c r="CI66" s="379"/>
      <c r="CJ66" s="383"/>
      <c r="CK66" s="379"/>
      <c r="CL66" s="370"/>
      <c r="CM66" s="370"/>
      <c r="CN66" s="370"/>
      <c r="CO66" s="370"/>
      <c r="CP66" s="370"/>
      <c r="CQ66" s="370"/>
      <c r="CR66" s="370"/>
      <c r="CS66" s="262"/>
      <c r="CT66" s="262"/>
      <c r="CU66" s="262"/>
      <c r="CV66" s="262"/>
      <c r="CW66" s="371"/>
      <c r="CX66" s="371"/>
      <c r="CY66" s="455"/>
    </row>
    <row r="67" spans="1:103" s="67" customFormat="1" ht="12" customHeight="1">
      <c r="A67" s="72">
        <v>47</v>
      </c>
      <c r="B67" s="103"/>
      <c r="C67" s="807"/>
      <c r="D67" s="103"/>
      <c r="E67" s="103"/>
      <c r="F67" s="103"/>
      <c r="G67" s="217"/>
      <c r="H67" s="217"/>
      <c r="I67" s="217"/>
      <c r="J67" s="353"/>
      <c r="K67" s="353"/>
      <c r="L67" s="401"/>
      <c r="M67" s="401"/>
      <c r="N67" s="789"/>
      <c r="O67" s="798"/>
      <c r="P67" s="401"/>
      <c r="Q67" s="401"/>
      <c r="R67" s="401"/>
      <c r="S67" s="401"/>
      <c r="T67" s="401"/>
      <c r="U67" s="401"/>
      <c r="V67" s="799"/>
      <c r="W67" s="792"/>
      <c r="X67" s="505"/>
      <c r="Y67" s="505"/>
      <c r="Z67" s="505"/>
      <c r="AA67" s="505"/>
      <c r="AB67" s="218"/>
      <c r="AC67" s="218"/>
      <c r="AD67" s="218"/>
      <c r="AE67" s="218"/>
      <c r="AF67" s="218"/>
      <c r="AG67" s="218"/>
      <c r="AH67" s="218"/>
      <c r="AI67" s="218"/>
      <c r="AJ67" s="218"/>
      <c r="AK67" s="218"/>
      <c r="AL67" s="218"/>
      <c r="AM67" s="218"/>
      <c r="AN67" s="218"/>
      <c r="AO67" s="218"/>
      <c r="AP67" s="218"/>
      <c r="AQ67" s="218"/>
      <c r="AR67" s="218"/>
      <c r="AS67" s="218"/>
      <c r="AT67" s="218"/>
      <c r="AU67" s="218"/>
      <c r="AV67" s="218"/>
      <c r="AW67" s="218"/>
      <c r="AX67" s="218"/>
      <c r="AY67" s="218"/>
      <c r="AZ67" s="218"/>
      <c r="BA67" s="218"/>
      <c r="BB67" s="218"/>
      <c r="BC67" s="218"/>
      <c r="BD67" s="218"/>
      <c r="BE67" s="218"/>
      <c r="BF67" s="218"/>
      <c r="BG67" s="218"/>
      <c r="BH67" s="218"/>
      <c r="BI67" s="218"/>
      <c r="BJ67" s="218"/>
      <c r="BK67" s="218"/>
      <c r="BL67" s="218"/>
      <c r="BM67" s="218"/>
      <c r="BN67" s="218"/>
      <c r="BO67" s="218"/>
      <c r="BP67" s="218"/>
      <c r="BQ67" s="218"/>
      <c r="BR67" s="218"/>
      <c r="BS67" s="218"/>
      <c r="BT67" s="218"/>
      <c r="BU67" s="218"/>
      <c r="BV67" s="218"/>
      <c r="BW67" s="103"/>
      <c r="BX67" s="218"/>
      <c r="BY67" s="218"/>
      <c r="BZ67" s="218"/>
      <c r="CA67" s="218"/>
      <c r="CB67" s="218"/>
      <c r="CC67" s="218"/>
      <c r="CD67" s="371" t="str">
        <f t="shared" si="0"/>
        <v/>
      </c>
      <c r="CE67" s="371"/>
      <c r="CF67" s="371"/>
      <c r="CG67" s="371"/>
      <c r="CH67" s="371"/>
      <c r="CI67" s="379"/>
      <c r="CJ67" s="383"/>
      <c r="CK67" s="379"/>
      <c r="CL67" s="370"/>
      <c r="CM67" s="370"/>
      <c r="CN67" s="370"/>
      <c r="CO67" s="370"/>
      <c r="CP67" s="370"/>
      <c r="CQ67" s="370"/>
      <c r="CR67" s="370"/>
      <c r="CS67" s="262"/>
      <c r="CT67" s="262"/>
      <c r="CU67" s="262"/>
      <c r="CV67" s="262"/>
      <c r="CW67" s="371"/>
      <c r="CX67" s="371"/>
      <c r="CY67" s="455"/>
    </row>
    <row r="68" spans="1:103" s="67" customFormat="1" ht="12" customHeight="1">
      <c r="A68" s="72">
        <v>48</v>
      </c>
      <c r="B68" s="103"/>
      <c r="C68" s="807"/>
      <c r="D68" s="103"/>
      <c r="E68" s="103"/>
      <c r="F68" s="103"/>
      <c r="G68" s="217"/>
      <c r="H68" s="217"/>
      <c r="I68" s="217"/>
      <c r="J68" s="353"/>
      <c r="K68" s="353"/>
      <c r="L68" s="401"/>
      <c r="M68" s="401"/>
      <c r="N68" s="789"/>
      <c r="O68" s="798"/>
      <c r="P68" s="401"/>
      <c r="Q68" s="401"/>
      <c r="R68" s="401"/>
      <c r="S68" s="401"/>
      <c r="T68" s="401"/>
      <c r="U68" s="401"/>
      <c r="V68" s="799"/>
      <c r="W68" s="792"/>
      <c r="X68" s="505"/>
      <c r="Y68" s="505"/>
      <c r="Z68" s="505"/>
      <c r="AA68" s="505"/>
      <c r="AB68" s="218"/>
      <c r="AC68" s="218"/>
      <c r="AD68" s="218"/>
      <c r="AE68" s="218"/>
      <c r="AF68" s="218"/>
      <c r="AG68" s="218"/>
      <c r="AH68" s="218"/>
      <c r="AI68" s="218"/>
      <c r="AJ68" s="218"/>
      <c r="AK68" s="218"/>
      <c r="AL68" s="218"/>
      <c r="AM68" s="218"/>
      <c r="AN68" s="218"/>
      <c r="AO68" s="218"/>
      <c r="AP68" s="218"/>
      <c r="AQ68" s="218"/>
      <c r="AR68" s="218"/>
      <c r="AS68" s="218"/>
      <c r="AT68" s="218"/>
      <c r="AU68" s="218"/>
      <c r="AV68" s="218"/>
      <c r="AW68" s="218"/>
      <c r="AX68" s="218"/>
      <c r="AY68" s="218"/>
      <c r="AZ68" s="218"/>
      <c r="BA68" s="218"/>
      <c r="BB68" s="218"/>
      <c r="BC68" s="218"/>
      <c r="BD68" s="218"/>
      <c r="BE68" s="218"/>
      <c r="BF68" s="218"/>
      <c r="BG68" s="218"/>
      <c r="BH68" s="218"/>
      <c r="BI68" s="218"/>
      <c r="BJ68" s="218"/>
      <c r="BK68" s="218"/>
      <c r="BL68" s="218"/>
      <c r="BM68" s="218"/>
      <c r="BN68" s="218"/>
      <c r="BO68" s="218"/>
      <c r="BP68" s="218"/>
      <c r="BQ68" s="218"/>
      <c r="BR68" s="218"/>
      <c r="BS68" s="218"/>
      <c r="BT68" s="218"/>
      <c r="BU68" s="218"/>
      <c r="BV68" s="218"/>
      <c r="BW68" s="103"/>
      <c r="BX68" s="218"/>
      <c r="BY68" s="218"/>
      <c r="BZ68" s="218"/>
      <c r="CA68" s="218"/>
      <c r="CB68" s="218"/>
      <c r="CC68" s="218"/>
      <c r="CD68" s="371" t="str">
        <f t="shared" si="0"/>
        <v/>
      </c>
      <c r="CE68" s="371"/>
      <c r="CF68" s="371"/>
      <c r="CG68" s="371"/>
      <c r="CH68" s="371"/>
      <c r="CI68" s="379"/>
      <c r="CJ68" s="383"/>
      <c r="CK68" s="379"/>
      <c r="CL68" s="370"/>
      <c r="CM68" s="370"/>
      <c r="CN68" s="370"/>
      <c r="CO68" s="370"/>
      <c r="CP68" s="370"/>
      <c r="CQ68" s="370"/>
      <c r="CR68" s="370"/>
      <c r="CS68" s="262"/>
      <c r="CT68" s="262"/>
      <c r="CU68" s="262"/>
      <c r="CV68" s="262"/>
      <c r="CW68" s="371"/>
      <c r="CX68" s="371"/>
      <c r="CY68" s="455"/>
    </row>
    <row r="69" spans="1:103" s="67" customFormat="1" ht="12" customHeight="1">
      <c r="A69" s="72">
        <v>49</v>
      </c>
      <c r="B69" s="103"/>
      <c r="C69" s="807"/>
      <c r="D69" s="103"/>
      <c r="E69" s="103"/>
      <c r="F69" s="103"/>
      <c r="G69" s="217"/>
      <c r="H69" s="217"/>
      <c r="I69" s="217"/>
      <c r="J69" s="353"/>
      <c r="K69" s="353"/>
      <c r="L69" s="401"/>
      <c r="M69" s="401"/>
      <c r="N69" s="789"/>
      <c r="O69" s="798"/>
      <c r="P69" s="401"/>
      <c r="Q69" s="401"/>
      <c r="R69" s="401"/>
      <c r="S69" s="401"/>
      <c r="T69" s="401"/>
      <c r="U69" s="401"/>
      <c r="V69" s="799"/>
      <c r="W69" s="792"/>
      <c r="X69" s="505"/>
      <c r="Y69" s="505"/>
      <c r="Z69" s="505"/>
      <c r="AA69" s="505"/>
      <c r="AB69" s="218"/>
      <c r="AC69" s="218"/>
      <c r="AD69" s="218"/>
      <c r="AE69" s="218"/>
      <c r="AF69" s="218"/>
      <c r="AG69" s="218"/>
      <c r="AH69" s="218"/>
      <c r="AI69" s="218"/>
      <c r="AJ69" s="218"/>
      <c r="AK69" s="218"/>
      <c r="AL69" s="218"/>
      <c r="AM69" s="218"/>
      <c r="AN69" s="218"/>
      <c r="AO69" s="218"/>
      <c r="AP69" s="218"/>
      <c r="AQ69" s="218"/>
      <c r="AR69" s="218"/>
      <c r="AS69" s="218"/>
      <c r="AT69" s="218"/>
      <c r="AU69" s="218"/>
      <c r="AV69" s="218"/>
      <c r="AW69" s="218"/>
      <c r="AX69" s="218"/>
      <c r="AY69" s="218"/>
      <c r="AZ69" s="218"/>
      <c r="BA69" s="218"/>
      <c r="BB69" s="218"/>
      <c r="BC69" s="218"/>
      <c r="BD69" s="218"/>
      <c r="BE69" s="218"/>
      <c r="BF69" s="218"/>
      <c r="BG69" s="218"/>
      <c r="BH69" s="218"/>
      <c r="BI69" s="218"/>
      <c r="BJ69" s="218"/>
      <c r="BK69" s="218"/>
      <c r="BL69" s="218"/>
      <c r="BM69" s="218"/>
      <c r="BN69" s="218"/>
      <c r="BO69" s="218"/>
      <c r="BP69" s="218"/>
      <c r="BQ69" s="218"/>
      <c r="BR69" s="218"/>
      <c r="BS69" s="218"/>
      <c r="BT69" s="218"/>
      <c r="BU69" s="218"/>
      <c r="BV69" s="218"/>
      <c r="BW69" s="103"/>
      <c r="BX69" s="218"/>
      <c r="BY69" s="218"/>
      <c r="BZ69" s="218"/>
      <c r="CA69" s="218"/>
      <c r="CB69" s="218"/>
      <c r="CC69" s="218"/>
      <c r="CD69" s="371" t="str">
        <f t="shared" si="0"/>
        <v/>
      </c>
      <c r="CE69" s="371"/>
      <c r="CF69" s="371"/>
      <c r="CG69" s="371"/>
      <c r="CH69" s="371"/>
      <c r="CI69" s="379"/>
      <c r="CJ69" s="383"/>
      <c r="CK69" s="379"/>
      <c r="CL69" s="370"/>
      <c r="CM69" s="370"/>
      <c r="CN69" s="370"/>
      <c r="CO69" s="370"/>
      <c r="CP69" s="370"/>
      <c r="CQ69" s="370"/>
      <c r="CR69" s="370"/>
      <c r="CS69" s="262"/>
      <c r="CT69" s="262"/>
      <c r="CU69" s="262"/>
      <c r="CV69" s="262"/>
      <c r="CW69" s="371"/>
      <c r="CX69" s="371"/>
      <c r="CY69" s="455"/>
    </row>
    <row r="70" spans="1:103" s="67" customFormat="1" ht="12" customHeight="1">
      <c r="A70" s="72">
        <v>50</v>
      </c>
      <c r="B70" s="103"/>
      <c r="C70" s="807"/>
      <c r="D70" s="103"/>
      <c r="E70" s="103"/>
      <c r="F70" s="103"/>
      <c r="G70" s="217"/>
      <c r="H70" s="217"/>
      <c r="I70" s="217"/>
      <c r="J70" s="353"/>
      <c r="K70" s="353"/>
      <c r="L70" s="401"/>
      <c r="M70" s="401"/>
      <c r="N70" s="789"/>
      <c r="O70" s="798"/>
      <c r="P70" s="401"/>
      <c r="Q70" s="401"/>
      <c r="R70" s="401"/>
      <c r="S70" s="401"/>
      <c r="T70" s="401"/>
      <c r="U70" s="401"/>
      <c r="V70" s="799"/>
      <c r="W70" s="792"/>
      <c r="X70" s="505"/>
      <c r="Y70" s="505"/>
      <c r="Z70" s="505"/>
      <c r="AA70" s="505"/>
      <c r="AB70" s="218"/>
      <c r="AC70" s="218"/>
      <c r="AD70" s="218"/>
      <c r="AE70" s="218"/>
      <c r="AF70" s="218"/>
      <c r="AG70" s="218"/>
      <c r="AH70" s="218"/>
      <c r="AI70" s="218"/>
      <c r="AJ70" s="218"/>
      <c r="AK70" s="218"/>
      <c r="AL70" s="218"/>
      <c r="AM70" s="218"/>
      <c r="AN70" s="218"/>
      <c r="AO70" s="218"/>
      <c r="AP70" s="218"/>
      <c r="AQ70" s="218"/>
      <c r="AR70" s="218"/>
      <c r="AS70" s="218"/>
      <c r="AT70" s="218"/>
      <c r="AU70" s="218"/>
      <c r="AV70" s="218"/>
      <c r="AW70" s="218"/>
      <c r="AX70" s="218"/>
      <c r="AY70" s="218"/>
      <c r="AZ70" s="218"/>
      <c r="BA70" s="218"/>
      <c r="BB70" s="218"/>
      <c r="BC70" s="218"/>
      <c r="BD70" s="218"/>
      <c r="BE70" s="218"/>
      <c r="BF70" s="218"/>
      <c r="BG70" s="218"/>
      <c r="BH70" s="218"/>
      <c r="BI70" s="218"/>
      <c r="BJ70" s="218"/>
      <c r="BK70" s="218"/>
      <c r="BL70" s="218"/>
      <c r="BM70" s="218"/>
      <c r="BN70" s="218"/>
      <c r="BO70" s="218"/>
      <c r="BP70" s="218"/>
      <c r="BQ70" s="218"/>
      <c r="BR70" s="218"/>
      <c r="BS70" s="218"/>
      <c r="BT70" s="218"/>
      <c r="BU70" s="218"/>
      <c r="BV70" s="218"/>
      <c r="BW70" s="103"/>
      <c r="BX70" s="218"/>
      <c r="BY70" s="218"/>
      <c r="BZ70" s="218"/>
      <c r="CA70" s="218"/>
      <c r="CB70" s="218"/>
      <c r="CC70" s="218"/>
      <c r="CD70" s="371" t="str">
        <f t="shared" si="0"/>
        <v/>
      </c>
      <c r="CE70" s="371"/>
      <c r="CF70" s="371"/>
      <c r="CG70" s="371"/>
      <c r="CH70" s="371"/>
      <c r="CI70" s="379"/>
      <c r="CJ70" s="383"/>
      <c r="CK70" s="379"/>
      <c r="CL70" s="370"/>
      <c r="CM70" s="370"/>
      <c r="CN70" s="370"/>
      <c r="CO70" s="370"/>
      <c r="CP70" s="370"/>
      <c r="CQ70" s="370"/>
      <c r="CR70" s="370"/>
      <c r="CS70" s="262"/>
      <c r="CT70" s="262"/>
      <c r="CU70" s="262"/>
      <c r="CV70" s="262"/>
      <c r="CW70" s="371"/>
      <c r="CX70" s="371"/>
      <c r="CY70" s="455"/>
    </row>
    <row r="71" spans="1:103" s="67" customFormat="1" ht="12" customHeight="1">
      <c r="A71" s="72">
        <v>51</v>
      </c>
      <c r="B71" s="103"/>
      <c r="C71" s="807"/>
      <c r="D71" s="103"/>
      <c r="E71" s="103"/>
      <c r="F71" s="103"/>
      <c r="G71" s="217"/>
      <c r="H71" s="217"/>
      <c r="I71" s="217"/>
      <c r="J71" s="353"/>
      <c r="K71" s="353"/>
      <c r="L71" s="401"/>
      <c r="M71" s="401"/>
      <c r="N71" s="789"/>
      <c r="O71" s="798"/>
      <c r="P71" s="401"/>
      <c r="Q71" s="401"/>
      <c r="R71" s="401"/>
      <c r="S71" s="401"/>
      <c r="T71" s="401"/>
      <c r="U71" s="401"/>
      <c r="V71" s="799"/>
      <c r="W71" s="792"/>
      <c r="X71" s="505"/>
      <c r="Y71" s="505"/>
      <c r="Z71" s="505"/>
      <c r="AA71" s="505"/>
      <c r="AB71" s="218"/>
      <c r="AC71" s="218"/>
      <c r="AD71" s="218"/>
      <c r="AE71" s="218"/>
      <c r="AF71" s="218"/>
      <c r="AG71" s="218"/>
      <c r="AH71" s="218"/>
      <c r="AI71" s="218"/>
      <c r="AJ71" s="218"/>
      <c r="AK71" s="218"/>
      <c r="AL71" s="218"/>
      <c r="AM71" s="218"/>
      <c r="AN71" s="218"/>
      <c r="AO71" s="218"/>
      <c r="AP71" s="218"/>
      <c r="AQ71" s="218"/>
      <c r="AR71" s="218"/>
      <c r="AS71" s="218"/>
      <c r="AT71" s="218"/>
      <c r="AU71" s="218"/>
      <c r="AV71" s="218"/>
      <c r="AW71" s="218"/>
      <c r="AX71" s="218"/>
      <c r="AY71" s="218"/>
      <c r="AZ71" s="218"/>
      <c r="BA71" s="218"/>
      <c r="BB71" s="218"/>
      <c r="BC71" s="218"/>
      <c r="BD71" s="218"/>
      <c r="BE71" s="218"/>
      <c r="BF71" s="218"/>
      <c r="BG71" s="218"/>
      <c r="BH71" s="218"/>
      <c r="BI71" s="218"/>
      <c r="BJ71" s="218"/>
      <c r="BK71" s="218"/>
      <c r="BL71" s="218"/>
      <c r="BM71" s="218"/>
      <c r="BN71" s="218"/>
      <c r="BO71" s="218"/>
      <c r="BP71" s="218"/>
      <c r="BQ71" s="218"/>
      <c r="BR71" s="218"/>
      <c r="BS71" s="218"/>
      <c r="BT71" s="218"/>
      <c r="BU71" s="218"/>
      <c r="BV71" s="218"/>
      <c r="BW71" s="103"/>
      <c r="BX71" s="218"/>
      <c r="BY71" s="218"/>
      <c r="BZ71" s="218"/>
      <c r="CA71" s="218"/>
      <c r="CB71" s="218"/>
      <c r="CC71" s="218"/>
      <c r="CD71" s="371" t="str">
        <f t="shared" si="0"/>
        <v/>
      </c>
      <c r="CE71" s="371"/>
      <c r="CF71" s="371"/>
      <c r="CG71" s="371"/>
      <c r="CH71" s="371"/>
      <c r="CI71" s="379"/>
      <c r="CJ71" s="383"/>
      <c r="CK71" s="379"/>
      <c r="CL71" s="370"/>
      <c r="CM71" s="370"/>
      <c r="CN71" s="370"/>
      <c r="CO71" s="370"/>
      <c r="CP71" s="370"/>
      <c r="CQ71" s="370"/>
      <c r="CR71" s="370"/>
      <c r="CS71" s="262"/>
      <c r="CT71" s="262"/>
      <c r="CU71" s="262"/>
      <c r="CV71" s="262"/>
      <c r="CW71" s="371"/>
      <c r="CX71" s="371"/>
      <c r="CY71" s="455"/>
    </row>
    <row r="72" spans="1:103" s="67" customFormat="1" ht="12" customHeight="1">
      <c r="A72" s="72">
        <v>52</v>
      </c>
      <c r="B72" s="103"/>
      <c r="C72" s="807"/>
      <c r="D72" s="103"/>
      <c r="E72" s="103"/>
      <c r="F72" s="103"/>
      <c r="G72" s="217"/>
      <c r="H72" s="217"/>
      <c r="I72" s="217"/>
      <c r="J72" s="353"/>
      <c r="K72" s="353"/>
      <c r="L72" s="401"/>
      <c r="M72" s="401"/>
      <c r="N72" s="789"/>
      <c r="O72" s="798"/>
      <c r="P72" s="401"/>
      <c r="Q72" s="401"/>
      <c r="R72" s="401"/>
      <c r="S72" s="401"/>
      <c r="T72" s="401"/>
      <c r="U72" s="401"/>
      <c r="V72" s="799"/>
      <c r="W72" s="792"/>
      <c r="X72" s="505"/>
      <c r="Y72" s="505"/>
      <c r="Z72" s="505"/>
      <c r="AA72" s="505"/>
      <c r="AB72" s="218"/>
      <c r="AC72" s="218"/>
      <c r="AD72" s="218"/>
      <c r="AE72" s="218"/>
      <c r="AF72" s="218"/>
      <c r="AG72" s="218"/>
      <c r="AH72" s="218"/>
      <c r="AI72" s="218"/>
      <c r="AJ72" s="218"/>
      <c r="AK72" s="218"/>
      <c r="AL72" s="218"/>
      <c r="AM72" s="218"/>
      <c r="AN72" s="218"/>
      <c r="AO72" s="218"/>
      <c r="AP72" s="218"/>
      <c r="AQ72" s="218"/>
      <c r="AR72" s="218"/>
      <c r="AS72" s="218"/>
      <c r="AT72" s="218"/>
      <c r="AU72" s="218"/>
      <c r="AV72" s="218"/>
      <c r="AW72" s="218"/>
      <c r="AX72" s="218"/>
      <c r="AY72" s="218"/>
      <c r="AZ72" s="218"/>
      <c r="BA72" s="218"/>
      <c r="BB72" s="218"/>
      <c r="BC72" s="218"/>
      <c r="BD72" s="218"/>
      <c r="BE72" s="218"/>
      <c r="BF72" s="218"/>
      <c r="BG72" s="218"/>
      <c r="BH72" s="218"/>
      <c r="BI72" s="218"/>
      <c r="BJ72" s="218"/>
      <c r="BK72" s="218"/>
      <c r="BL72" s="218"/>
      <c r="BM72" s="218"/>
      <c r="BN72" s="218"/>
      <c r="BO72" s="218"/>
      <c r="BP72" s="218"/>
      <c r="BQ72" s="218"/>
      <c r="BR72" s="218"/>
      <c r="BS72" s="218"/>
      <c r="BT72" s="218"/>
      <c r="BU72" s="218"/>
      <c r="BV72" s="218"/>
      <c r="BW72" s="103"/>
      <c r="BX72" s="218"/>
      <c r="BY72" s="218"/>
      <c r="BZ72" s="218"/>
      <c r="CA72" s="218"/>
      <c r="CB72" s="218"/>
      <c r="CC72" s="218"/>
      <c r="CD72" s="371" t="str">
        <f t="shared" si="0"/>
        <v/>
      </c>
      <c r="CE72" s="371"/>
      <c r="CF72" s="371"/>
      <c r="CG72" s="371"/>
      <c r="CH72" s="371"/>
      <c r="CI72" s="379"/>
      <c r="CJ72" s="383"/>
      <c r="CK72" s="379"/>
      <c r="CL72" s="370"/>
      <c r="CM72" s="370"/>
      <c r="CN72" s="370"/>
      <c r="CO72" s="370"/>
      <c r="CP72" s="370"/>
      <c r="CQ72" s="370"/>
      <c r="CR72" s="370"/>
      <c r="CS72" s="262"/>
      <c r="CT72" s="262"/>
      <c r="CU72" s="262"/>
      <c r="CV72" s="262"/>
      <c r="CW72" s="371"/>
      <c r="CX72" s="371"/>
      <c r="CY72" s="455"/>
    </row>
    <row r="73" spans="1:103" s="67" customFormat="1" ht="12" customHeight="1">
      <c r="A73" s="72">
        <v>53</v>
      </c>
      <c r="B73" s="103"/>
      <c r="C73" s="807"/>
      <c r="D73" s="103"/>
      <c r="E73" s="103"/>
      <c r="F73" s="103"/>
      <c r="G73" s="217"/>
      <c r="H73" s="217"/>
      <c r="I73" s="217"/>
      <c r="J73" s="353"/>
      <c r="K73" s="353"/>
      <c r="L73" s="401"/>
      <c r="M73" s="401"/>
      <c r="N73" s="789"/>
      <c r="O73" s="798"/>
      <c r="P73" s="401"/>
      <c r="Q73" s="401"/>
      <c r="R73" s="401"/>
      <c r="S73" s="401"/>
      <c r="T73" s="401"/>
      <c r="U73" s="401"/>
      <c r="V73" s="799"/>
      <c r="W73" s="792"/>
      <c r="X73" s="505"/>
      <c r="Y73" s="505"/>
      <c r="Z73" s="505"/>
      <c r="AA73" s="505"/>
      <c r="AB73" s="218"/>
      <c r="AC73" s="218"/>
      <c r="AD73" s="218"/>
      <c r="AE73" s="218"/>
      <c r="AF73" s="218"/>
      <c r="AG73" s="218"/>
      <c r="AH73" s="218"/>
      <c r="AI73" s="218"/>
      <c r="AJ73" s="218"/>
      <c r="AK73" s="218"/>
      <c r="AL73" s="218"/>
      <c r="AM73" s="218"/>
      <c r="AN73" s="218"/>
      <c r="AO73" s="218"/>
      <c r="AP73" s="218"/>
      <c r="AQ73" s="218"/>
      <c r="AR73" s="218"/>
      <c r="AS73" s="218"/>
      <c r="AT73" s="218"/>
      <c r="AU73" s="218"/>
      <c r="AV73" s="218"/>
      <c r="AW73" s="218"/>
      <c r="AX73" s="218"/>
      <c r="AY73" s="218"/>
      <c r="AZ73" s="218"/>
      <c r="BA73" s="218"/>
      <c r="BB73" s="218"/>
      <c r="BC73" s="218"/>
      <c r="BD73" s="218"/>
      <c r="BE73" s="218"/>
      <c r="BF73" s="218"/>
      <c r="BG73" s="218"/>
      <c r="BH73" s="218"/>
      <c r="BI73" s="218"/>
      <c r="BJ73" s="218"/>
      <c r="BK73" s="218"/>
      <c r="BL73" s="218"/>
      <c r="BM73" s="218"/>
      <c r="BN73" s="218"/>
      <c r="BO73" s="218"/>
      <c r="BP73" s="218"/>
      <c r="BQ73" s="218"/>
      <c r="BR73" s="218"/>
      <c r="BS73" s="218"/>
      <c r="BT73" s="218"/>
      <c r="BU73" s="218"/>
      <c r="BV73" s="218"/>
      <c r="BW73" s="103"/>
      <c r="BX73" s="218"/>
      <c r="BY73" s="218"/>
      <c r="BZ73" s="218"/>
      <c r="CA73" s="218"/>
      <c r="CB73" s="218"/>
      <c r="CC73" s="218"/>
      <c r="CD73" s="371" t="str">
        <f t="shared" si="0"/>
        <v/>
      </c>
      <c r="CE73" s="371"/>
      <c r="CF73" s="371"/>
      <c r="CG73" s="371"/>
      <c r="CH73" s="371"/>
      <c r="CI73" s="379"/>
      <c r="CJ73" s="383"/>
      <c r="CK73" s="379"/>
      <c r="CL73" s="370"/>
      <c r="CM73" s="370"/>
      <c r="CN73" s="370"/>
      <c r="CO73" s="370"/>
      <c r="CP73" s="370"/>
      <c r="CQ73" s="370"/>
      <c r="CR73" s="370"/>
      <c r="CS73" s="262"/>
      <c r="CT73" s="262"/>
      <c r="CU73" s="262"/>
      <c r="CV73" s="262"/>
      <c r="CW73" s="371"/>
      <c r="CX73" s="371"/>
      <c r="CY73" s="455"/>
    </row>
    <row r="74" spans="1:103" s="67" customFormat="1" ht="12" customHeight="1">
      <c r="A74" s="72">
        <v>54</v>
      </c>
      <c r="B74" s="103"/>
      <c r="C74" s="807"/>
      <c r="D74" s="103"/>
      <c r="E74" s="103"/>
      <c r="F74" s="103"/>
      <c r="G74" s="217"/>
      <c r="H74" s="217"/>
      <c r="I74" s="217"/>
      <c r="J74" s="353"/>
      <c r="K74" s="353"/>
      <c r="L74" s="401"/>
      <c r="M74" s="401"/>
      <c r="N74" s="789"/>
      <c r="O74" s="798"/>
      <c r="P74" s="401"/>
      <c r="Q74" s="401"/>
      <c r="R74" s="401"/>
      <c r="S74" s="401"/>
      <c r="T74" s="401"/>
      <c r="U74" s="401"/>
      <c r="V74" s="799"/>
      <c r="W74" s="792"/>
      <c r="X74" s="505"/>
      <c r="Y74" s="505"/>
      <c r="Z74" s="505"/>
      <c r="AA74" s="505"/>
      <c r="AB74" s="218"/>
      <c r="AC74" s="218"/>
      <c r="AD74" s="218"/>
      <c r="AE74" s="218"/>
      <c r="AF74" s="218"/>
      <c r="AG74" s="218"/>
      <c r="AH74" s="218"/>
      <c r="AI74" s="218"/>
      <c r="AJ74" s="218"/>
      <c r="AK74" s="218"/>
      <c r="AL74" s="218"/>
      <c r="AM74" s="218"/>
      <c r="AN74" s="218"/>
      <c r="AO74" s="218"/>
      <c r="AP74" s="218"/>
      <c r="AQ74" s="218"/>
      <c r="AR74" s="218"/>
      <c r="AS74" s="218"/>
      <c r="AT74" s="218"/>
      <c r="AU74" s="218"/>
      <c r="AV74" s="218"/>
      <c r="AW74" s="218"/>
      <c r="AX74" s="218"/>
      <c r="AY74" s="218"/>
      <c r="AZ74" s="218"/>
      <c r="BA74" s="218"/>
      <c r="BB74" s="218"/>
      <c r="BC74" s="218"/>
      <c r="BD74" s="218"/>
      <c r="BE74" s="218"/>
      <c r="BF74" s="218"/>
      <c r="BG74" s="218"/>
      <c r="BH74" s="218"/>
      <c r="BI74" s="218"/>
      <c r="BJ74" s="218"/>
      <c r="BK74" s="218"/>
      <c r="BL74" s="218"/>
      <c r="BM74" s="218"/>
      <c r="BN74" s="218"/>
      <c r="BO74" s="218"/>
      <c r="BP74" s="218"/>
      <c r="BQ74" s="218"/>
      <c r="BR74" s="218"/>
      <c r="BS74" s="218"/>
      <c r="BT74" s="218"/>
      <c r="BU74" s="218"/>
      <c r="BV74" s="218"/>
      <c r="BW74" s="103"/>
      <c r="BX74" s="218"/>
      <c r="BY74" s="218"/>
      <c r="BZ74" s="218"/>
      <c r="CA74" s="218"/>
      <c r="CB74" s="218"/>
      <c r="CC74" s="218"/>
      <c r="CD74" s="371" t="str">
        <f t="shared" si="0"/>
        <v/>
      </c>
      <c r="CE74" s="371"/>
      <c r="CF74" s="371"/>
      <c r="CG74" s="371"/>
      <c r="CH74" s="371"/>
      <c r="CI74" s="379"/>
      <c r="CJ74" s="383"/>
      <c r="CK74" s="379"/>
      <c r="CL74" s="370"/>
      <c r="CM74" s="370"/>
      <c r="CN74" s="370"/>
      <c r="CO74" s="370"/>
      <c r="CP74" s="370"/>
      <c r="CQ74" s="370"/>
      <c r="CR74" s="370"/>
      <c r="CS74" s="262"/>
      <c r="CT74" s="262"/>
      <c r="CU74" s="262"/>
      <c r="CV74" s="262"/>
      <c r="CW74" s="371"/>
      <c r="CX74" s="371"/>
      <c r="CY74" s="455"/>
    </row>
    <row r="75" spans="1:103" s="67" customFormat="1" ht="12" customHeight="1">
      <c r="A75" s="72">
        <v>55</v>
      </c>
      <c r="B75" s="103"/>
      <c r="C75" s="807"/>
      <c r="D75" s="103"/>
      <c r="E75" s="103"/>
      <c r="F75" s="103"/>
      <c r="G75" s="217"/>
      <c r="H75" s="217"/>
      <c r="I75" s="217"/>
      <c r="J75" s="353"/>
      <c r="K75" s="353"/>
      <c r="L75" s="401"/>
      <c r="M75" s="401"/>
      <c r="N75" s="789"/>
      <c r="O75" s="798"/>
      <c r="P75" s="401"/>
      <c r="Q75" s="401"/>
      <c r="R75" s="401"/>
      <c r="S75" s="401"/>
      <c r="T75" s="401"/>
      <c r="U75" s="401"/>
      <c r="V75" s="799"/>
      <c r="W75" s="792"/>
      <c r="X75" s="505"/>
      <c r="Y75" s="505"/>
      <c r="Z75" s="505"/>
      <c r="AA75" s="505"/>
      <c r="AB75" s="218"/>
      <c r="AC75" s="218"/>
      <c r="AD75" s="218"/>
      <c r="AE75" s="218"/>
      <c r="AF75" s="218"/>
      <c r="AG75" s="218"/>
      <c r="AH75" s="218"/>
      <c r="AI75" s="218"/>
      <c r="AJ75" s="218"/>
      <c r="AK75" s="218"/>
      <c r="AL75" s="218"/>
      <c r="AM75" s="218"/>
      <c r="AN75" s="218"/>
      <c r="AO75" s="218"/>
      <c r="AP75" s="218"/>
      <c r="AQ75" s="218"/>
      <c r="AR75" s="218"/>
      <c r="AS75" s="218"/>
      <c r="AT75" s="218"/>
      <c r="AU75" s="218"/>
      <c r="AV75" s="218"/>
      <c r="AW75" s="218"/>
      <c r="AX75" s="218"/>
      <c r="AY75" s="218"/>
      <c r="AZ75" s="218"/>
      <c r="BA75" s="218"/>
      <c r="BB75" s="218"/>
      <c r="BC75" s="218"/>
      <c r="BD75" s="218"/>
      <c r="BE75" s="218"/>
      <c r="BF75" s="218"/>
      <c r="BG75" s="218"/>
      <c r="BH75" s="218"/>
      <c r="BI75" s="218"/>
      <c r="BJ75" s="218"/>
      <c r="BK75" s="218"/>
      <c r="BL75" s="218"/>
      <c r="BM75" s="218"/>
      <c r="BN75" s="218"/>
      <c r="BO75" s="218"/>
      <c r="BP75" s="218"/>
      <c r="BQ75" s="218"/>
      <c r="BR75" s="218"/>
      <c r="BS75" s="218"/>
      <c r="BT75" s="218"/>
      <c r="BU75" s="218"/>
      <c r="BV75" s="218"/>
      <c r="BW75" s="103"/>
      <c r="BX75" s="218"/>
      <c r="BY75" s="218"/>
      <c r="BZ75" s="218"/>
      <c r="CA75" s="218"/>
      <c r="CB75" s="218"/>
      <c r="CC75" s="218"/>
      <c r="CD75" s="371" t="str">
        <f t="shared" si="0"/>
        <v/>
      </c>
      <c r="CE75" s="371"/>
      <c r="CF75" s="371"/>
      <c r="CG75" s="371"/>
      <c r="CH75" s="371"/>
      <c r="CI75" s="379"/>
      <c r="CJ75" s="383"/>
      <c r="CK75" s="379"/>
      <c r="CL75" s="370"/>
      <c r="CM75" s="370"/>
      <c r="CN75" s="370"/>
      <c r="CO75" s="370"/>
      <c r="CP75" s="370"/>
      <c r="CQ75" s="370"/>
      <c r="CR75" s="370"/>
      <c r="CS75" s="262"/>
      <c r="CT75" s="262"/>
      <c r="CU75" s="262"/>
      <c r="CV75" s="262"/>
      <c r="CW75" s="371"/>
      <c r="CX75" s="371"/>
      <c r="CY75" s="455"/>
    </row>
    <row r="76" spans="1:103" s="67" customFormat="1" ht="12" customHeight="1">
      <c r="A76" s="72">
        <v>56</v>
      </c>
      <c r="B76" s="103"/>
      <c r="C76" s="807"/>
      <c r="D76" s="103"/>
      <c r="E76" s="103"/>
      <c r="F76" s="103"/>
      <c r="G76" s="217"/>
      <c r="H76" s="217"/>
      <c r="I76" s="217"/>
      <c r="J76" s="353"/>
      <c r="K76" s="353"/>
      <c r="L76" s="401"/>
      <c r="M76" s="401"/>
      <c r="N76" s="789"/>
      <c r="O76" s="798"/>
      <c r="P76" s="401"/>
      <c r="Q76" s="401"/>
      <c r="R76" s="401"/>
      <c r="S76" s="401"/>
      <c r="T76" s="401"/>
      <c r="U76" s="401"/>
      <c r="V76" s="799"/>
      <c r="W76" s="792"/>
      <c r="X76" s="505"/>
      <c r="Y76" s="505"/>
      <c r="Z76" s="505"/>
      <c r="AA76" s="505"/>
      <c r="AB76" s="218"/>
      <c r="AC76" s="218"/>
      <c r="AD76" s="218"/>
      <c r="AE76" s="218"/>
      <c r="AF76" s="218"/>
      <c r="AG76" s="218"/>
      <c r="AH76" s="218"/>
      <c r="AI76" s="218"/>
      <c r="AJ76" s="218"/>
      <c r="AK76" s="218"/>
      <c r="AL76" s="218"/>
      <c r="AM76" s="218"/>
      <c r="AN76" s="218"/>
      <c r="AO76" s="218"/>
      <c r="AP76" s="218"/>
      <c r="AQ76" s="218"/>
      <c r="AR76" s="218"/>
      <c r="AS76" s="218"/>
      <c r="AT76" s="218"/>
      <c r="AU76" s="218"/>
      <c r="AV76" s="218"/>
      <c r="AW76" s="218"/>
      <c r="AX76" s="218"/>
      <c r="AY76" s="218"/>
      <c r="AZ76" s="218"/>
      <c r="BA76" s="218"/>
      <c r="BB76" s="218"/>
      <c r="BC76" s="218"/>
      <c r="BD76" s="218"/>
      <c r="BE76" s="218"/>
      <c r="BF76" s="218"/>
      <c r="BG76" s="218"/>
      <c r="BH76" s="218"/>
      <c r="BI76" s="218"/>
      <c r="BJ76" s="218"/>
      <c r="BK76" s="218"/>
      <c r="BL76" s="218"/>
      <c r="BM76" s="218"/>
      <c r="BN76" s="218"/>
      <c r="BO76" s="218"/>
      <c r="BP76" s="218"/>
      <c r="BQ76" s="218"/>
      <c r="BR76" s="218"/>
      <c r="BS76" s="218"/>
      <c r="BT76" s="218"/>
      <c r="BU76" s="218"/>
      <c r="BV76" s="218"/>
      <c r="BW76" s="103"/>
      <c r="BX76" s="218"/>
      <c r="BY76" s="218"/>
      <c r="BZ76" s="218"/>
      <c r="CA76" s="218"/>
      <c r="CB76" s="218"/>
      <c r="CC76" s="218"/>
      <c r="CD76" s="371" t="str">
        <f t="shared" si="0"/>
        <v/>
      </c>
      <c r="CE76" s="371"/>
      <c r="CF76" s="371"/>
      <c r="CG76" s="371"/>
      <c r="CH76" s="371"/>
      <c r="CI76" s="379"/>
      <c r="CJ76" s="383"/>
      <c r="CK76" s="379"/>
      <c r="CL76" s="370"/>
      <c r="CM76" s="370"/>
      <c r="CN76" s="370"/>
      <c r="CO76" s="370"/>
      <c r="CP76" s="370"/>
      <c r="CQ76" s="370"/>
      <c r="CR76" s="370"/>
      <c r="CS76" s="262"/>
      <c r="CT76" s="262"/>
      <c r="CU76" s="262"/>
      <c r="CV76" s="262"/>
      <c r="CW76" s="371"/>
      <c r="CX76" s="371"/>
      <c r="CY76" s="455"/>
    </row>
    <row r="77" spans="1:103" s="67" customFormat="1" ht="12" customHeight="1">
      <c r="A77" s="72">
        <v>57</v>
      </c>
      <c r="B77" s="103"/>
      <c r="C77" s="807"/>
      <c r="D77" s="103"/>
      <c r="E77" s="103"/>
      <c r="F77" s="103"/>
      <c r="G77" s="217"/>
      <c r="H77" s="217"/>
      <c r="I77" s="217"/>
      <c r="J77" s="353"/>
      <c r="K77" s="353"/>
      <c r="L77" s="401"/>
      <c r="M77" s="401"/>
      <c r="N77" s="789"/>
      <c r="O77" s="798"/>
      <c r="P77" s="401"/>
      <c r="Q77" s="401"/>
      <c r="R77" s="401"/>
      <c r="S77" s="401"/>
      <c r="T77" s="401"/>
      <c r="U77" s="401"/>
      <c r="V77" s="799"/>
      <c r="W77" s="792"/>
      <c r="X77" s="505"/>
      <c r="Y77" s="505"/>
      <c r="Z77" s="505"/>
      <c r="AA77" s="505"/>
      <c r="AB77" s="218"/>
      <c r="AC77" s="218"/>
      <c r="AD77" s="218"/>
      <c r="AE77" s="218"/>
      <c r="AF77" s="218"/>
      <c r="AG77" s="218"/>
      <c r="AH77" s="218"/>
      <c r="AI77" s="218"/>
      <c r="AJ77" s="218"/>
      <c r="AK77" s="218"/>
      <c r="AL77" s="218"/>
      <c r="AM77" s="218"/>
      <c r="AN77" s="218"/>
      <c r="AO77" s="218"/>
      <c r="AP77" s="218"/>
      <c r="AQ77" s="218"/>
      <c r="AR77" s="218"/>
      <c r="AS77" s="218"/>
      <c r="AT77" s="218"/>
      <c r="AU77" s="218"/>
      <c r="AV77" s="218"/>
      <c r="AW77" s="218"/>
      <c r="AX77" s="218"/>
      <c r="AY77" s="218"/>
      <c r="AZ77" s="218"/>
      <c r="BA77" s="218"/>
      <c r="BB77" s="218"/>
      <c r="BC77" s="218"/>
      <c r="BD77" s="218"/>
      <c r="BE77" s="218"/>
      <c r="BF77" s="218"/>
      <c r="BG77" s="218"/>
      <c r="BH77" s="218"/>
      <c r="BI77" s="218"/>
      <c r="BJ77" s="218"/>
      <c r="BK77" s="218"/>
      <c r="BL77" s="218"/>
      <c r="BM77" s="218"/>
      <c r="BN77" s="218"/>
      <c r="BO77" s="218"/>
      <c r="BP77" s="218"/>
      <c r="BQ77" s="218"/>
      <c r="BR77" s="218"/>
      <c r="BS77" s="218"/>
      <c r="BT77" s="218"/>
      <c r="BU77" s="218"/>
      <c r="BV77" s="218"/>
      <c r="BW77" s="103"/>
      <c r="BX77" s="218"/>
      <c r="BY77" s="218"/>
      <c r="BZ77" s="218"/>
      <c r="CA77" s="218"/>
      <c r="CB77" s="218"/>
      <c r="CC77" s="218"/>
      <c r="CD77" s="371" t="str">
        <f t="shared" si="0"/>
        <v/>
      </c>
      <c r="CE77" s="371"/>
      <c r="CF77" s="371"/>
      <c r="CG77" s="371"/>
      <c r="CH77" s="371"/>
      <c r="CI77" s="379"/>
      <c r="CJ77" s="383"/>
      <c r="CK77" s="379"/>
      <c r="CL77" s="370"/>
      <c r="CM77" s="370"/>
      <c r="CN77" s="370"/>
      <c r="CO77" s="370"/>
      <c r="CP77" s="370"/>
      <c r="CQ77" s="370"/>
      <c r="CR77" s="370"/>
      <c r="CS77" s="262"/>
      <c r="CT77" s="262"/>
      <c r="CU77" s="262"/>
      <c r="CV77" s="262"/>
      <c r="CW77" s="371"/>
      <c r="CX77" s="371"/>
      <c r="CY77" s="455"/>
    </row>
    <row r="78" spans="1:103" s="67" customFormat="1" ht="12" customHeight="1">
      <c r="A78" s="72">
        <v>58</v>
      </c>
      <c r="B78" s="103"/>
      <c r="C78" s="807"/>
      <c r="D78" s="103"/>
      <c r="E78" s="103"/>
      <c r="F78" s="103"/>
      <c r="G78" s="217"/>
      <c r="H78" s="217"/>
      <c r="I78" s="217"/>
      <c r="J78" s="353"/>
      <c r="K78" s="353"/>
      <c r="L78" s="401"/>
      <c r="M78" s="401"/>
      <c r="N78" s="789"/>
      <c r="O78" s="798"/>
      <c r="P78" s="401"/>
      <c r="Q78" s="401"/>
      <c r="R78" s="401"/>
      <c r="S78" s="401"/>
      <c r="T78" s="401"/>
      <c r="U78" s="401"/>
      <c r="V78" s="799"/>
      <c r="W78" s="792"/>
      <c r="X78" s="505"/>
      <c r="Y78" s="505"/>
      <c r="Z78" s="505"/>
      <c r="AA78" s="505"/>
      <c r="AB78" s="218"/>
      <c r="AC78" s="218"/>
      <c r="AD78" s="218"/>
      <c r="AE78" s="218"/>
      <c r="AF78" s="218"/>
      <c r="AG78" s="218"/>
      <c r="AH78" s="218"/>
      <c r="AI78" s="218"/>
      <c r="AJ78" s="218"/>
      <c r="AK78" s="218"/>
      <c r="AL78" s="218"/>
      <c r="AM78" s="218"/>
      <c r="AN78" s="218"/>
      <c r="AO78" s="218"/>
      <c r="AP78" s="218"/>
      <c r="AQ78" s="218"/>
      <c r="AR78" s="218"/>
      <c r="AS78" s="218"/>
      <c r="AT78" s="218"/>
      <c r="AU78" s="218"/>
      <c r="AV78" s="218"/>
      <c r="AW78" s="218"/>
      <c r="AX78" s="218"/>
      <c r="AY78" s="218"/>
      <c r="AZ78" s="218"/>
      <c r="BA78" s="218"/>
      <c r="BB78" s="218"/>
      <c r="BC78" s="218"/>
      <c r="BD78" s="218"/>
      <c r="BE78" s="218"/>
      <c r="BF78" s="218"/>
      <c r="BG78" s="218"/>
      <c r="BH78" s="218"/>
      <c r="BI78" s="218"/>
      <c r="BJ78" s="218"/>
      <c r="BK78" s="218"/>
      <c r="BL78" s="218"/>
      <c r="BM78" s="218"/>
      <c r="BN78" s="218"/>
      <c r="BO78" s="218"/>
      <c r="BP78" s="218"/>
      <c r="BQ78" s="218"/>
      <c r="BR78" s="218"/>
      <c r="BS78" s="218"/>
      <c r="BT78" s="218"/>
      <c r="BU78" s="218"/>
      <c r="BV78" s="218"/>
      <c r="BW78" s="103"/>
      <c r="BX78" s="218"/>
      <c r="BY78" s="218"/>
      <c r="BZ78" s="218"/>
      <c r="CA78" s="218"/>
      <c r="CB78" s="218"/>
      <c r="CC78" s="218"/>
      <c r="CD78" s="371" t="str">
        <f t="shared" si="0"/>
        <v/>
      </c>
      <c r="CE78" s="371"/>
      <c r="CF78" s="371"/>
      <c r="CG78" s="371"/>
      <c r="CH78" s="371"/>
      <c r="CI78" s="379"/>
      <c r="CJ78" s="383"/>
      <c r="CK78" s="379"/>
      <c r="CL78" s="370"/>
      <c r="CM78" s="370"/>
      <c r="CN78" s="370"/>
      <c r="CO78" s="370"/>
      <c r="CP78" s="370"/>
      <c r="CQ78" s="370"/>
      <c r="CR78" s="370"/>
      <c r="CS78" s="262"/>
      <c r="CT78" s="262"/>
      <c r="CU78" s="262"/>
      <c r="CV78" s="262"/>
      <c r="CW78" s="371"/>
      <c r="CX78" s="371"/>
      <c r="CY78" s="455"/>
    </row>
    <row r="79" spans="1:103" s="67" customFormat="1" ht="12" customHeight="1">
      <c r="A79" s="72">
        <v>59</v>
      </c>
      <c r="B79" s="103"/>
      <c r="C79" s="807"/>
      <c r="D79" s="103"/>
      <c r="E79" s="103"/>
      <c r="F79" s="103"/>
      <c r="G79" s="217"/>
      <c r="H79" s="217"/>
      <c r="I79" s="217"/>
      <c r="J79" s="353"/>
      <c r="K79" s="353"/>
      <c r="L79" s="401"/>
      <c r="M79" s="401"/>
      <c r="N79" s="789"/>
      <c r="O79" s="798"/>
      <c r="P79" s="401"/>
      <c r="Q79" s="401"/>
      <c r="R79" s="401"/>
      <c r="S79" s="401"/>
      <c r="T79" s="401"/>
      <c r="U79" s="401"/>
      <c r="V79" s="799"/>
      <c r="W79" s="792"/>
      <c r="X79" s="505"/>
      <c r="Y79" s="505"/>
      <c r="Z79" s="505"/>
      <c r="AA79" s="505"/>
      <c r="AB79" s="218"/>
      <c r="AC79" s="218"/>
      <c r="AD79" s="218"/>
      <c r="AE79" s="218"/>
      <c r="AF79" s="218"/>
      <c r="AG79" s="218"/>
      <c r="AH79" s="218"/>
      <c r="AI79" s="218"/>
      <c r="AJ79" s="218"/>
      <c r="AK79" s="218"/>
      <c r="AL79" s="218"/>
      <c r="AM79" s="218"/>
      <c r="AN79" s="218"/>
      <c r="AO79" s="218"/>
      <c r="AP79" s="218"/>
      <c r="AQ79" s="218"/>
      <c r="AR79" s="218"/>
      <c r="AS79" s="218"/>
      <c r="AT79" s="218"/>
      <c r="AU79" s="218"/>
      <c r="AV79" s="218"/>
      <c r="AW79" s="218"/>
      <c r="AX79" s="218"/>
      <c r="AY79" s="218"/>
      <c r="AZ79" s="218"/>
      <c r="BA79" s="218"/>
      <c r="BB79" s="218"/>
      <c r="BC79" s="218"/>
      <c r="BD79" s="218"/>
      <c r="BE79" s="218"/>
      <c r="BF79" s="218"/>
      <c r="BG79" s="218"/>
      <c r="BH79" s="218"/>
      <c r="BI79" s="218"/>
      <c r="BJ79" s="218"/>
      <c r="BK79" s="218"/>
      <c r="BL79" s="218"/>
      <c r="BM79" s="218"/>
      <c r="BN79" s="218"/>
      <c r="BO79" s="218"/>
      <c r="BP79" s="218"/>
      <c r="BQ79" s="218"/>
      <c r="BR79" s="218"/>
      <c r="BS79" s="218"/>
      <c r="BT79" s="218"/>
      <c r="BU79" s="218"/>
      <c r="BV79" s="218"/>
      <c r="BW79" s="103"/>
      <c r="BX79" s="218"/>
      <c r="BY79" s="218"/>
      <c r="BZ79" s="218"/>
      <c r="CA79" s="218"/>
      <c r="CB79" s="218"/>
      <c r="CC79" s="218"/>
      <c r="CD79" s="371" t="str">
        <f t="shared" si="0"/>
        <v/>
      </c>
      <c r="CE79" s="371"/>
      <c r="CF79" s="371"/>
      <c r="CG79" s="371"/>
      <c r="CH79" s="371"/>
      <c r="CI79" s="379"/>
      <c r="CJ79" s="383"/>
      <c r="CK79" s="379"/>
      <c r="CL79" s="370"/>
      <c r="CM79" s="370"/>
      <c r="CN79" s="370"/>
      <c r="CO79" s="370"/>
      <c r="CP79" s="370"/>
      <c r="CQ79" s="370"/>
      <c r="CR79" s="370"/>
      <c r="CS79" s="262"/>
      <c r="CT79" s="262"/>
      <c r="CU79" s="262"/>
      <c r="CV79" s="262"/>
      <c r="CW79" s="371"/>
      <c r="CX79" s="371"/>
      <c r="CY79" s="455"/>
    </row>
    <row r="80" spans="1:103" s="67" customFormat="1" ht="12" customHeight="1">
      <c r="A80" s="72">
        <v>60</v>
      </c>
      <c r="B80" s="103"/>
      <c r="C80" s="807"/>
      <c r="D80" s="103"/>
      <c r="E80" s="103"/>
      <c r="F80" s="103"/>
      <c r="G80" s="217"/>
      <c r="H80" s="217"/>
      <c r="I80" s="217"/>
      <c r="J80" s="353"/>
      <c r="K80" s="353"/>
      <c r="L80" s="401"/>
      <c r="M80" s="401"/>
      <c r="N80" s="789"/>
      <c r="O80" s="798"/>
      <c r="P80" s="401"/>
      <c r="Q80" s="401"/>
      <c r="R80" s="401"/>
      <c r="S80" s="401"/>
      <c r="T80" s="401"/>
      <c r="U80" s="401"/>
      <c r="V80" s="799"/>
      <c r="W80" s="792"/>
      <c r="X80" s="505"/>
      <c r="Y80" s="505"/>
      <c r="Z80" s="505"/>
      <c r="AA80" s="505"/>
      <c r="AB80" s="218"/>
      <c r="AC80" s="218"/>
      <c r="AD80" s="218"/>
      <c r="AE80" s="218"/>
      <c r="AF80" s="218"/>
      <c r="AG80" s="218"/>
      <c r="AH80" s="218"/>
      <c r="AI80" s="218"/>
      <c r="AJ80" s="218"/>
      <c r="AK80" s="218"/>
      <c r="AL80" s="218"/>
      <c r="AM80" s="218"/>
      <c r="AN80" s="218"/>
      <c r="AO80" s="218"/>
      <c r="AP80" s="218"/>
      <c r="AQ80" s="218"/>
      <c r="AR80" s="218"/>
      <c r="AS80" s="218"/>
      <c r="AT80" s="218"/>
      <c r="AU80" s="218"/>
      <c r="AV80" s="218"/>
      <c r="AW80" s="218"/>
      <c r="AX80" s="218"/>
      <c r="AY80" s="218"/>
      <c r="AZ80" s="218"/>
      <c r="BA80" s="218"/>
      <c r="BB80" s="218"/>
      <c r="BC80" s="218"/>
      <c r="BD80" s="218"/>
      <c r="BE80" s="218"/>
      <c r="BF80" s="218"/>
      <c r="BG80" s="218"/>
      <c r="BH80" s="218"/>
      <c r="BI80" s="218"/>
      <c r="BJ80" s="218"/>
      <c r="BK80" s="218"/>
      <c r="BL80" s="218"/>
      <c r="BM80" s="218"/>
      <c r="BN80" s="218"/>
      <c r="BO80" s="218"/>
      <c r="BP80" s="218"/>
      <c r="BQ80" s="218"/>
      <c r="BR80" s="218"/>
      <c r="BS80" s="218"/>
      <c r="BT80" s="218"/>
      <c r="BU80" s="218"/>
      <c r="BV80" s="218"/>
      <c r="BW80" s="103"/>
      <c r="BX80" s="218"/>
      <c r="BY80" s="218"/>
      <c r="BZ80" s="218"/>
      <c r="CA80" s="218"/>
      <c r="CB80" s="218"/>
      <c r="CC80" s="218"/>
      <c r="CD80" s="371" t="str">
        <f t="shared" si="0"/>
        <v/>
      </c>
      <c r="CE80" s="371"/>
      <c r="CF80" s="371"/>
      <c r="CG80" s="371"/>
      <c r="CH80" s="371"/>
      <c r="CI80" s="379"/>
      <c r="CJ80" s="383"/>
      <c r="CK80" s="379"/>
      <c r="CL80" s="370"/>
      <c r="CM80" s="370"/>
      <c r="CN80" s="370"/>
      <c r="CO80" s="370"/>
      <c r="CP80" s="370"/>
      <c r="CQ80" s="370"/>
      <c r="CR80" s="370"/>
      <c r="CS80" s="262"/>
      <c r="CT80" s="262"/>
      <c r="CU80" s="262"/>
      <c r="CV80" s="262"/>
      <c r="CW80" s="371"/>
      <c r="CX80" s="371"/>
      <c r="CY80" s="455"/>
    </row>
    <row r="81" spans="1:103" s="67" customFormat="1" ht="12" customHeight="1">
      <c r="A81" s="72">
        <v>61</v>
      </c>
      <c r="B81" s="103"/>
      <c r="C81" s="807"/>
      <c r="D81" s="103"/>
      <c r="E81" s="103"/>
      <c r="F81" s="103"/>
      <c r="G81" s="217"/>
      <c r="H81" s="217"/>
      <c r="I81" s="217"/>
      <c r="J81" s="353"/>
      <c r="K81" s="353"/>
      <c r="L81" s="401"/>
      <c r="M81" s="401"/>
      <c r="N81" s="789"/>
      <c r="O81" s="798"/>
      <c r="P81" s="401"/>
      <c r="Q81" s="401"/>
      <c r="R81" s="401"/>
      <c r="S81" s="401"/>
      <c r="T81" s="401"/>
      <c r="U81" s="401"/>
      <c r="V81" s="799"/>
      <c r="W81" s="792"/>
      <c r="X81" s="505"/>
      <c r="Y81" s="505"/>
      <c r="Z81" s="505"/>
      <c r="AA81" s="505"/>
      <c r="AB81" s="218"/>
      <c r="AC81" s="218"/>
      <c r="AD81" s="218"/>
      <c r="AE81" s="218"/>
      <c r="AF81" s="218"/>
      <c r="AG81" s="218"/>
      <c r="AH81" s="218"/>
      <c r="AI81" s="218"/>
      <c r="AJ81" s="218"/>
      <c r="AK81" s="218"/>
      <c r="AL81" s="218"/>
      <c r="AM81" s="218"/>
      <c r="AN81" s="218"/>
      <c r="AO81" s="218"/>
      <c r="AP81" s="218"/>
      <c r="AQ81" s="218"/>
      <c r="AR81" s="218"/>
      <c r="AS81" s="218"/>
      <c r="AT81" s="218"/>
      <c r="AU81" s="218"/>
      <c r="AV81" s="218"/>
      <c r="AW81" s="218"/>
      <c r="AX81" s="218"/>
      <c r="AY81" s="218"/>
      <c r="AZ81" s="218"/>
      <c r="BA81" s="218"/>
      <c r="BB81" s="218"/>
      <c r="BC81" s="218"/>
      <c r="BD81" s="218"/>
      <c r="BE81" s="218"/>
      <c r="BF81" s="218"/>
      <c r="BG81" s="218"/>
      <c r="BH81" s="218"/>
      <c r="BI81" s="218"/>
      <c r="BJ81" s="218"/>
      <c r="BK81" s="218"/>
      <c r="BL81" s="218"/>
      <c r="BM81" s="218"/>
      <c r="BN81" s="218"/>
      <c r="BO81" s="218"/>
      <c r="BP81" s="218"/>
      <c r="BQ81" s="218"/>
      <c r="BR81" s="218"/>
      <c r="BS81" s="218"/>
      <c r="BT81" s="218"/>
      <c r="BU81" s="218"/>
      <c r="BV81" s="218"/>
      <c r="BW81" s="103"/>
      <c r="BX81" s="218"/>
      <c r="BY81" s="218"/>
      <c r="BZ81" s="218"/>
      <c r="CA81" s="218"/>
      <c r="CB81" s="218"/>
      <c r="CC81" s="218"/>
      <c r="CD81" s="371" t="str">
        <f t="shared" si="0"/>
        <v/>
      </c>
      <c r="CE81" s="371"/>
      <c r="CF81" s="371"/>
      <c r="CG81" s="371"/>
      <c r="CH81" s="371"/>
      <c r="CI81" s="379"/>
      <c r="CJ81" s="383"/>
      <c r="CK81" s="379"/>
      <c r="CL81" s="370"/>
      <c r="CM81" s="370"/>
      <c r="CN81" s="370"/>
      <c r="CO81" s="370"/>
      <c r="CP81" s="370"/>
      <c r="CQ81" s="370"/>
      <c r="CR81" s="370"/>
      <c r="CS81" s="262"/>
      <c r="CT81" s="262"/>
      <c r="CU81" s="262"/>
      <c r="CV81" s="262"/>
      <c r="CW81" s="371"/>
      <c r="CX81" s="371"/>
      <c r="CY81" s="455"/>
    </row>
    <row r="82" spans="1:103" s="67" customFormat="1" ht="12" customHeight="1">
      <c r="A82" s="72">
        <v>62</v>
      </c>
      <c r="B82" s="103"/>
      <c r="C82" s="807"/>
      <c r="D82" s="103"/>
      <c r="E82" s="103"/>
      <c r="F82" s="103"/>
      <c r="G82" s="217"/>
      <c r="H82" s="217"/>
      <c r="I82" s="217"/>
      <c r="J82" s="353"/>
      <c r="K82" s="353"/>
      <c r="L82" s="401"/>
      <c r="M82" s="401"/>
      <c r="N82" s="789"/>
      <c r="O82" s="798"/>
      <c r="P82" s="401"/>
      <c r="Q82" s="401"/>
      <c r="R82" s="401"/>
      <c r="S82" s="401"/>
      <c r="T82" s="401"/>
      <c r="U82" s="401"/>
      <c r="V82" s="799"/>
      <c r="W82" s="792"/>
      <c r="X82" s="505"/>
      <c r="Y82" s="505"/>
      <c r="Z82" s="505"/>
      <c r="AA82" s="505"/>
      <c r="AB82" s="218"/>
      <c r="AC82" s="218"/>
      <c r="AD82" s="218"/>
      <c r="AE82" s="218"/>
      <c r="AF82" s="218"/>
      <c r="AG82" s="218"/>
      <c r="AH82" s="218"/>
      <c r="AI82" s="218"/>
      <c r="AJ82" s="218"/>
      <c r="AK82" s="218"/>
      <c r="AL82" s="218"/>
      <c r="AM82" s="218"/>
      <c r="AN82" s="218"/>
      <c r="AO82" s="218"/>
      <c r="AP82" s="218"/>
      <c r="AQ82" s="218"/>
      <c r="AR82" s="218"/>
      <c r="AS82" s="218"/>
      <c r="AT82" s="218"/>
      <c r="AU82" s="218"/>
      <c r="AV82" s="218"/>
      <c r="AW82" s="218"/>
      <c r="AX82" s="218"/>
      <c r="AY82" s="218"/>
      <c r="AZ82" s="218"/>
      <c r="BA82" s="218"/>
      <c r="BB82" s="218"/>
      <c r="BC82" s="218"/>
      <c r="BD82" s="218"/>
      <c r="BE82" s="218"/>
      <c r="BF82" s="218"/>
      <c r="BG82" s="218"/>
      <c r="BH82" s="218"/>
      <c r="BI82" s="218"/>
      <c r="BJ82" s="218"/>
      <c r="BK82" s="218"/>
      <c r="BL82" s="218"/>
      <c r="BM82" s="218"/>
      <c r="BN82" s="218"/>
      <c r="BO82" s="218"/>
      <c r="BP82" s="218"/>
      <c r="BQ82" s="218"/>
      <c r="BR82" s="218"/>
      <c r="BS82" s="218"/>
      <c r="BT82" s="218"/>
      <c r="BU82" s="218"/>
      <c r="BV82" s="218"/>
      <c r="BW82" s="103"/>
      <c r="BX82" s="218"/>
      <c r="BY82" s="218"/>
      <c r="BZ82" s="218"/>
      <c r="CA82" s="218"/>
      <c r="CB82" s="218"/>
      <c r="CC82" s="218"/>
      <c r="CD82" s="371" t="str">
        <f t="shared" si="0"/>
        <v/>
      </c>
      <c r="CE82" s="371"/>
      <c r="CF82" s="371"/>
      <c r="CG82" s="371"/>
      <c r="CH82" s="371"/>
      <c r="CI82" s="379"/>
      <c r="CJ82" s="383"/>
      <c r="CK82" s="379"/>
      <c r="CL82" s="370"/>
      <c r="CM82" s="370"/>
      <c r="CN82" s="370"/>
      <c r="CO82" s="370"/>
      <c r="CP82" s="370"/>
      <c r="CQ82" s="370"/>
      <c r="CR82" s="370"/>
      <c r="CS82" s="262"/>
      <c r="CT82" s="262"/>
      <c r="CU82" s="262"/>
      <c r="CV82" s="262"/>
      <c r="CW82" s="371"/>
      <c r="CX82" s="371"/>
      <c r="CY82" s="455"/>
    </row>
    <row r="83" spans="1:103" s="67" customFormat="1" ht="12" customHeight="1">
      <c r="A83" s="72">
        <v>63</v>
      </c>
      <c r="B83" s="103"/>
      <c r="C83" s="807"/>
      <c r="D83" s="103"/>
      <c r="E83" s="103"/>
      <c r="F83" s="103"/>
      <c r="G83" s="217"/>
      <c r="H83" s="217"/>
      <c r="I83" s="217"/>
      <c r="J83" s="353"/>
      <c r="K83" s="353"/>
      <c r="L83" s="401"/>
      <c r="M83" s="401"/>
      <c r="N83" s="789"/>
      <c r="O83" s="798"/>
      <c r="P83" s="401"/>
      <c r="Q83" s="401"/>
      <c r="R83" s="401"/>
      <c r="S83" s="401"/>
      <c r="T83" s="401"/>
      <c r="U83" s="401"/>
      <c r="V83" s="799"/>
      <c r="W83" s="792"/>
      <c r="X83" s="505"/>
      <c r="Y83" s="505"/>
      <c r="Z83" s="505"/>
      <c r="AA83" s="505"/>
      <c r="AB83" s="218"/>
      <c r="AC83" s="218"/>
      <c r="AD83" s="218"/>
      <c r="AE83" s="218"/>
      <c r="AF83" s="218"/>
      <c r="AG83" s="218"/>
      <c r="AH83" s="218"/>
      <c r="AI83" s="218"/>
      <c r="AJ83" s="218"/>
      <c r="AK83" s="218"/>
      <c r="AL83" s="218"/>
      <c r="AM83" s="218"/>
      <c r="AN83" s="218"/>
      <c r="AO83" s="218"/>
      <c r="AP83" s="218"/>
      <c r="AQ83" s="218"/>
      <c r="AR83" s="218"/>
      <c r="AS83" s="218"/>
      <c r="AT83" s="218"/>
      <c r="AU83" s="218"/>
      <c r="AV83" s="218"/>
      <c r="AW83" s="218"/>
      <c r="AX83" s="218"/>
      <c r="AY83" s="218"/>
      <c r="AZ83" s="218"/>
      <c r="BA83" s="218"/>
      <c r="BB83" s="218"/>
      <c r="BC83" s="218"/>
      <c r="BD83" s="218"/>
      <c r="BE83" s="218"/>
      <c r="BF83" s="218"/>
      <c r="BG83" s="218"/>
      <c r="BH83" s="218"/>
      <c r="BI83" s="218"/>
      <c r="BJ83" s="218"/>
      <c r="BK83" s="218"/>
      <c r="BL83" s="218"/>
      <c r="BM83" s="218"/>
      <c r="BN83" s="218"/>
      <c r="BO83" s="218"/>
      <c r="BP83" s="218"/>
      <c r="BQ83" s="218"/>
      <c r="BR83" s="218"/>
      <c r="BS83" s="218"/>
      <c r="BT83" s="218"/>
      <c r="BU83" s="218"/>
      <c r="BV83" s="218"/>
      <c r="BW83" s="103"/>
      <c r="BX83" s="218"/>
      <c r="BY83" s="218"/>
      <c r="BZ83" s="218"/>
      <c r="CA83" s="218"/>
      <c r="CB83" s="218"/>
      <c r="CC83" s="218"/>
      <c r="CD83" s="371" t="str">
        <f t="shared" si="0"/>
        <v/>
      </c>
      <c r="CE83" s="371"/>
      <c r="CF83" s="371"/>
      <c r="CG83" s="371"/>
      <c r="CH83" s="371"/>
      <c r="CI83" s="379"/>
      <c r="CJ83" s="383"/>
      <c r="CK83" s="379"/>
      <c r="CL83" s="370"/>
      <c r="CM83" s="370"/>
      <c r="CN83" s="370"/>
      <c r="CO83" s="370"/>
      <c r="CP83" s="370"/>
      <c r="CQ83" s="370"/>
      <c r="CR83" s="370"/>
      <c r="CS83" s="262"/>
      <c r="CT83" s="262"/>
      <c r="CU83" s="262"/>
      <c r="CV83" s="262"/>
      <c r="CW83" s="371"/>
      <c r="CX83" s="371"/>
      <c r="CY83" s="455"/>
    </row>
    <row r="84" spans="1:103" s="67" customFormat="1" ht="12" customHeight="1">
      <c r="A84" s="72">
        <v>64</v>
      </c>
      <c r="B84" s="103"/>
      <c r="C84" s="807"/>
      <c r="D84" s="103"/>
      <c r="E84" s="103"/>
      <c r="F84" s="103"/>
      <c r="G84" s="217"/>
      <c r="H84" s="217"/>
      <c r="I84" s="217"/>
      <c r="J84" s="353"/>
      <c r="K84" s="353"/>
      <c r="L84" s="401"/>
      <c r="M84" s="401"/>
      <c r="N84" s="789"/>
      <c r="O84" s="798"/>
      <c r="P84" s="401"/>
      <c r="Q84" s="401"/>
      <c r="R84" s="401"/>
      <c r="S84" s="401"/>
      <c r="T84" s="401"/>
      <c r="U84" s="401"/>
      <c r="V84" s="799"/>
      <c r="W84" s="792"/>
      <c r="X84" s="505"/>
      <c r="Y84" s="505"/>
      <c r="Z84" s="505"/>
      <c r="AA84" s="505"/>
      <c r="AB84" s="218"/>
      <c r="AC84" s="218"/>
      <c r="AD84" s="218"/>
      <c r="AE84" s="218"/>
      <c r="AF84" s="218"/>
      <c r="AG84" s="218"/>
      <c r="AH84" s="218"/>
      <c r="AI84" s="218"/>
      <c r="AJ84" s="218"/>
      <c r="AK84" s="218"/>
      <c r="AL84" s="218"/>
      <c r="AM84" s="218"/>
      <c r="AN84" s="218"/>
      <c r="AO84" s="218"/>
      <c r="AP84" s="218"/>
      <c r="AQ84" s="218"/>
      <c r="AR84" s="218"/>
      <c r="AS84" s="218"/>
      <c r="AT84" s="218"/>
      <c r="AU84" s="218"/>
      <c r="AV84" s="218"/>
      <c r="AW84" s="218"/>
      <c r="AX84" s="218"/>
      <c r="AY84" s="218"/>
      <c r="AZ84" s="218"/>
      <c r="BA84" s="218"/>
      <c r="BB84" s="218"/>
      <c r="BC84" s="218"/>
      <c r="BD84" s="218"/>
      <c r="BE84" s="218"/>
      <c r="BF84" s="218"/>
      <c r="BG84" s="218"/>
      <c r="BH84" s="218"/>
      <c r="BI84" s="218"/>
      <c r="BJ84" s="218"/>
      <c r="BK84" s="218"/>
      <c r="BL84" s="218"/>
      <c r="BM84" s="218"/>
      <c r="BN84" s="218"/>
      <c r="BO84" s="218"/>
      <c r="BP84" s="218"/>
      <c r="BQ84" s="218"/>
      <c r="BR84" s="218"/>
      <c r="BS84" s="218"/>
      <c r="BT84" s="218"/>
      <c r="BU84" s="218"/>
      <c r="BV84" s="218"/>
      <c r="BW84" s="103"/>
      <c r="BX84" s="218"/>
      <c r="BY84" s="218"/>
      <c r="BZ84" s="218"/>
      <c r="CA84" s="218"/>
      <c r="CB84" s="218"/>
      <c r="CC84" s="218"/>
      <c r="CD84" s="371" t="str">
        <f t="shared" si="0"/>
        <v/>
      </c>
      <c r="CE84" s="371"/>
      <c r="CF84" s="371"/>
      <c r="CG84" s="371"/>
      <c r="CH84" s="371"/>
      <c r="CI84" s="379"/>
      <c r="CJ84" s="383"/>
      <c r="CK84" s="379"/>
      <c r="CL84" s="370"/>
      <c r="CM84" s="370"/>
      <c r="CN84" s="370"/>
      <c r="CO84" s="370"/>
      <c r="CP84" s="370"/>
      <c r="CQ84" s="370"/>
      <c r="CR84" s="370"/>
      <c r="CS84" s="262"/>
      <c r="CT84" s="262"/>
      <c r="CU84" s="262"/>
      <c r="CV84" s="262"/>
      <c r="CW84" s="371"/>
      <c r="CX84" s="371"/>
      <c r="CY84" s="455"/>
    </row>
    <row r="85" spans="1:103" s="67" customFormat="1" ht="12" customHeight="1">
      <c r="A85" s="72">
        <v>65</v>
      </c>
      <c r="B85" s="103"/>
      <c r="C85" s="807"/>
      <c r="D85" s="103"/>
      <c r="E85" s="103"/>
      <c r="F85" s="103"/>
      <c r="G85" s="217"/>
      <c r="H85" s="217"/>
      <c r="I85" s="217"/>
      <c r="J85" s="353"/>
      <c r="K85" s="353"/>
      <c r="L85" s="401"/>
      <c r="M85" s="401"/>
      <c r="N85" s="789"/>
      <c r="O85" s="798"/>
      <c r="P85" s="401"/>
      <c r="Q85" s="401"/>
      <c r="R85" s="401"/>
      <c r="S85" s="401"/>
      <c r="T85" s="401"/>
      <c r="U85" s="401"/>
      <c r="V85" s="799"/>
      <c r="W85" s="792"/>
      <c r="X85" s="505"/>
      <c r="Y85" s="505"/>
      <c r="Z85" s="505"/>
      <c r="AA85" s="505"/>
      <c r="AB85" s="218"/>
      <c r="AC85" s="218"/>
      <c r="AD85" s="218"/>
      <c r="AE85" s="218"/>
      <c r="AF85" s="218"/>
      <c r="AG85" s="218"/>
      <c r="AH85" s="218"/>
      <c r="AI85" s="218"/>
      <c r="AJ85" s="218"/>
      <c r="AK85" s="218"/>
      <c r="AL85" s="218"/>
      <c r="AM85" s="218"/>
      <c r="AN85" s="218"/>
      <c r="AO85" s="218"/>
      <c r="AP85" s="218"/>
      <c r="AQ85" s="218"/>
      <c r="AR85" s="218"/>
      <c r="AS85" s="218"/>
      <c r="AT85" s="218"/>
      <c r="AU85" s="218"/>
      <c r="AV85" s="218"/>
      <c r="AW85" s="218"/>
      <c r="AX85" s="218"/>
      <c r="AY85" s="218"/>
      <c r="AZ85" s="218"/>
      <c r="BA85" s="218"/>
      <c r="BB85" s="218"/>
      <c r="BC85" s="218"/>
      <c r="BD85" s="218"/>
      <c r="BE85" s="218"/>
      <c r="BF85" s="218"/>
      <c r="BG85" s="218"/>
      <c r="BH85" s="218"/>
      <c r="BI85" s="218"/>
      <c r="BJ85" s="218"/>
      <c r="BK85" s="218"/>
      <c r="BL85" s="218"/>
      <c r="BM85" s="218"/>
      <c r="BN85" s="218"/>
      <c r="BO85" s="218"/>
      <c r="BP85" s="218"/>
      <c r="BQ85" s="218"/>
      <c r="BR85" s="218"/>
      <c r="BS85" s="218"/>
      <c r="BT85" s="218"/>
      <c r="BU85" s="218"/>
      <c r="BV85" s="218"/>
      <c r="BW85" s="103"/>
      <c r="BX85" s="218"/>
      <c r="BY85" s="218"/>
      <c r="BZ85" s="218"/>
      <c r="CA85" s="218"/>
      <c r="CB85" s="218"/>
      <c r="CC85" s="218"/>
      <c r="CD85" s="371" t="str">
        <f t="shared" ref="CD85:CD100" si="1">IF( COUNTIF(AB85:BV85,"◎")=1,INDEX(AB$14:BV$14,1,MATCH("◎",AB85:BV85,0)),"" )</f>
        <v/>
      </c>
      <c r="CE85" s="371"/>
      <c r="CF85" s="371"/>
      <c r="CG85" s="371"/>
      <c r="CH85" s="371"/>
      <c r="CI85" s="379"/>
      <c r="CJ85" s="383"/>
      <c r="CK85" s="379"/>
      <c r="CL85" s="370"/>
      <c r="CM85" s="370"/>
      <c r="CN85" s="370"/>
      <c r="CO85" s="370"/>
      <c r="CP85" s="370"/>
      <c r="CQ85" s="370"/>
      <c r="CR85" s="370"/>
      <c r="CS85" s="262"/>
      <c r="CT85" s="262"/>
      <c r="CU85" s="262"/>
      <c r="CV85" s="262"/>
      <c r="CW85" s="371"/>
      <c r="CX85" s="371"/>
      <c r="CY85" s="455"/>
    </row>
    <row r="86" spans="1:103" s="67" customFormat="1" ht="12" customHeight="1">
      <c r="A86" s="72">
        <v>66</v>
      </c>
      <c r="B86" s="103"/>
      <c r="C86" s="807"/>
      <c r="D86" s="103"/>
      <c r="E86" s="103"/>
      <c r="F86" s="103"/>
      <c r="G86" s="217"/>
      <c r="H86" s="217"/>
      <c r="I86" s="217"/>
      <c r="J86" s="353"/>
      <c r="K86" s="353"/>
      <c r="L86" s="401"/>
      <c r="M86" s="401"/>
      <c r="N86" s="789"/>
      <c r="O86" s="798"/>
      <c r="P86" s="401"/>
      <c r="Q86" s="401"/>
      <c r="R86" s="401"/>
      <c r="S86" s="401"/>
      <c r="T86" s="401"/>
      <c r="U86" s="401"/>
      <c r="V86" s="799"/>
      <c r="W86" s="792"/>
      <c r="X86" s="505"/>
      <c r="Y86" s="505"/>
      <c r="Z86" s="505"/>
      <c r="AA86" s="505"/>
      <c r="AB86" s="218"/>
      <c r="AC86" s="218"/>
      <c r="AD86" s="218"/>
      <c r="AE86" s="218"/>
      <c r="AF86" s="218"/>
      <c r="AG86" s="218"/>
      <c r="AH86" s="218"/>
      <c r="AI86" s="218"/>
      <c r="AJ86" s="218"/>
      <c r="AK86" s="218"/>
      <c r="AL86" s="218"/>
      <c r="AM86" s="218"/>
      <c r="AN86" s="218"/>
      <c r="AO86" s="218"/>
      <c r="AP86" s="218"/>
      <c r="AQ86" s="218"/>
      <c r="AR86" s="218"/>
      <c r="AS86" s="218"/>
      <c r="AT86" s="218"/>
      <c r="AU86" s="218"/>
      <c r="AV86" s="218"/>
      <c r="AW86" s="218"/>
      <c r="AX86" s="218"/>
      <c r="AY86" s="218"/>
      <c r="AZ86" s="218"/>
      <c r="BA86" s="218"/>
      <c r="BB86" s="218"/>
      <c r="BC86" s="218"/>
      <c r="BD86" s="218"/>
      <c r="BE86" s="218"/>
      <c r="BF86" s="218"/>
      <c r="BG86" s="218"/>
      <c r="BH86" s="218"/>
      <c r="BI86" s="218"/>
      <c r="BJ86" s="218"/>
      <c r="BK86" s="218"/>
      <c r="BL86" s="218"/>
      <c r="BM86" s="218"/>
      <c r="BN86" s="218"/>
      <c r="BO86" s="218"/>
      <c r="BP86" s="218"/>
      <c r="BQ86" s="218"/>
      <c r="BR86" s="218"/>
      <c r="BS86" s="218"/>
      <c r="BT86" s="218"/>
      <c r="BU86" s="218"/>
      <c r="BV86" s="218"/>
      <c r="BW86" s="103"/>
      <c r="BX86" s="218"/>
      <c r="BY86" s="218"/>
      <c r="BZ86" s="218"/>
      <c r="CA86" s="218"/>
      <c r="CB86" s="218"/>
      <c r="CC86" s="218"/>
      <c r="CD86" s="371" t="str">
        <f t="shared" si="1"/>
        <v/>
      </c>
      <c r="CE86" s="371"/>
      <c r="CF86" s="371"/>
      <c r="CG86" s="371"/>
      <c r="CH86" s="371"/>
      <c r="CI86" s="379"/>
      <c r="CJ86" s="383"/>
      <c r="CK86" s="379"/>
      <c r="CL86" s="370"/>
      <c r="CM86" s="370"/>
      <c r="CN86" s="370"/>
      <c r="CO86" s="370"/>
      <c r="CP86" s="370"/>
      <c r="CQ86" s="370"/>
      <c r="CR86" s="370"/>
      <c r="CS86" s="262"/>
      <c r="CT86" s="262"/>
      <c r="CU86" s="262"/>
      <c r="CV86" s="262"/>
      <c r="CW86" s="371"/>
      <c r="CX86" s="371"/>
      <c r="CY86" s="455"/>
    </row>
    <row r="87" spans="1:103" s="67" customFormat="1" ht="12" customHeight="1">
      <c r="A87" s="72">
        <v>67</v>
      </c>
      <c r="B87" s="103"/>
      <c r="C87" s="807"/>
      <c r="D87" s="103"/>
      <c r="E87" s="103"/>
      <c r="F87" s="103"/>
      <c r="G87" s="217"/>
      <c r="H87" s="217"/>
      <c r="I87" s="217"/>
      <c r="J87" s="353"/>
      <c r="K87" s="353"/>
      <c r="L87" s="401"/>
      <c r="M87" s="401"/>
      <c r="N87" s="789"/>
      <c r="O87" s="798"/>
      <c r="P87" s="401"/>
      <c r="Q87" s="401"/>
      <c r="R87" s="401"/>
      <c r="S87" s="401"/>
      <c r="T87" s="401"/>
      <c r="U87" s="401"/>
      <c r="V87" s="799"/>
      <c r="W87" s="792"/>
      <c r="X87" s="505"/>
      <c r="Y87" s="505"/>
      <c r="Z87" s="505"/>
      <c r="AA87" s="505"/>
      <c r="AB87" s="218"/>
      <c r="AC87" s="218"/>
      <c r="AD87" s="218"/>
      <c r="AE87" s="218"/>
      <c r="AF87" s="218"/>
      <c r="AG87" s="218"/>
      <c r="AH87" s="218"/>
      <c r="AI87" s="218"/>
      <c r="AJ87" s="218"/>
      <c r="AK87" s="218"/>
      <c r="AL87" s="218"/>
      <c r="AM87" s="218"/>
      <c r="AN87" s="218"/>
      <c r="AO87" s="218"/>
      <c r="AP87" s="218"/>
      <c r="AQ87" s="218"/>
      <c r="AR87" s="218"/>
      <c r="AS87" s="218"/>
      <c r="AT87" s="218"/>
      <c r="AU87" s="218"/>
      <c r="AV87" s="218"/>
      <c r="AW87" s="218"/>
      <c r="AX87" s="218"/>
      <c r="AY87" s="218"/>
      <c r="AZ87" s="218"/>
      <c r="BA87" s="218"/>
      <c r="BB87" s="218"/>
      <c r="BC87" s="218"/>
      <c r="BD87" s="218"/>
      <c r="BE87" s="218"/>
      <c r="BF87" s="218"/>
      <c r="BG87" s="218"/>
      <c r="BH87" s="218"/>
      <c r="BI87" s="218"/>
      <c r="BJ87" s="218"/>
      <c r="BK87" s="218"/>
      <c r="BL87" s="218"/>
      <c r="BM87" s="218"/>
      <c r="BN87" s="218"/>
      <c r="BO87" s="218"/>
      <c r="BP87" s="218"/>
      <c r="BQ87" s="218"/>
      <c r="BR87" s="218"/>
      <c r="BS87" s="218"/>
      <c r="BT87" s="218"/>
      <c r="BU87" s="218"/>
      <c r="BV87" s="218"/>
      <c r="BW87" s="103"/>
      <c r="BX87" s="218"/>
      <c r="BY87" s="218"/>
      <c r="BZ87" s="218"/>
      <c r="CA87" s="218"/>
      <c r="CB87" s="218"/>
      <c r="CC87" s="218"/>
      <c r="CD87" s="371" t="str">
        <f t="shared" si="1"/>
        <v/>
      </c>
      <c r="CE87" s="371"/>
      <c r="CF87" s="371"/>
      <c r="CG87" s="371"/>
      <c r="CH87" s="371"/>
      <c r="CI87" s="379"/>
      <c r="CJ87" s="383"/>
      <c r="CK87" s="379"/>
      <c r="CL87" s="370"/>
      <c r="CM87" s="370"/>
      <c r="CN87" s="370"/>
      <c r="CO87" s="370"/>
      <c r="CP87" s="370"/>
      <c r="CQ87" s="370"/>
      <c r="CR87" s="370"/>
      <c r="CS87" s="262"/>
      <c r="CT87" s="262"/>
      <c r="CU87" s="262"/>
      <c r="CV87" s="262"/>
      <c r="CW87" s="371"/>
      <c r="CX87" s="371"/>
      <c r="CY87" s="455"/>
    </row>
    <row r="88" spans="1:103" s="67" customFormat="1" ht="12" customHeight="1">
      <c r="A88" s="72">
        <v>68</v>
      </c>
      <c r="B88" s="103"/>
      <c r="C88" s="807"/>
      <c r="D88" s="103"/>
      <c r="E88" s="103"/>
      <c r="F88" s="103"/>
      <c r="G88" s="217"/>
      <c r="H88" s="217"/>
      <c r="I88" s="217"/>
      <c r="J88" s="353"/>
      <c r="K88" s="353"/>
      <c r="L88" s="401"/>
      <c r="M88" s="401"/>
      <c r="N88" s="789"/>
      <c r="O88" s="798"/>
      <c r="P88" s="401"/>
      <c r="Q88" s="401"/>
      <c r="R88" s="401"/>
      <c r="S88" s="401"/>
      <c r="T88" s="401"/>
      <c r="U88" s="401"/>
      <c r="V88" s="799"/>
      <c r="W88" s="792"/>
      <c r="X88" s="505"/>
      <c r="Y88" s="505"/>
      <c r="Z88" s="505"/>
      <c r="AA88" s="505"/>
      <c r="AB88" s="218"/>
      <c r="AC88" s="218"/>
      <c r="AD88" s="218"/>
      <c r="AE88" s="218"/>
      <c r="AF88" s="218"/>
      <c r="AG88" s="218"/>
      <c r="AH88" s="218"/>
      <c r="AI88" s="218"/>
      <c r="AJ88" s="218"/>
      <c r="AK88" s="218"/>
      <c r="AL88" s="218"/>
      <c r="AM88" s="218"/>
      <c r="AN88" s="218"/>
      <c r="AO88" s="218"/>
      <c r="AP88" s="218"/>
      <c r="AQ88" s="218"/>
      <c r="AR88" s="218"/>
      <c r="AS88" s="218"/>
      <c r="AT88" s="218"/>
      <c r="AU88" s="218"/>
      <c r="AV88" s="218"/>
      <c r="AW88" s="218"/>
      <c r="AX88" s="218"/>
      <c r="AY88" s="218"/>
      <c r="AZ88" s="218"/>
      <c r="BA88" s="218"/>
      <c r="BB88" s="218"/>
      <c r="BC88" s="218"/>
      <c r="BD88" s="218"/>
      <c r="BE88" s="218"/>
      <c r="BF88" s="218"/>
      <c r="BG88" s="218"/>
      <c r="BH88" s="218"/>
      <c r="BI88" s="218"/>
      <c r="BJ88" s="218"/>
      <c r="BK88" s="218"/>
      <c r="BL88" s="218"/>
      <c r="BM88" s="218"/>
      <c r="BN88" s="218"/>
      <c r="BO88" s="218"/>
      <c r="BP88" s="218"/>
      <c r="BQ88" s="218"/>
      <c r="BR88" s="218"/>
      <c r="BS88" s="218"/>
      <c r="BT88" s="218"/>
      <c r="BU88" s="218"/>
      <c r="BV88" s="218"/>
      <c r="BW88" s="103"/>
      <c r="BX88" s="218"/>
      <c r="BY88" s="218"/>
      <c r="BZ88" s="218"/>
      <c r="CA88" s="218"/>
      <c r="CB88" s="218"/>
      <c r="CC88" s="218"/>
      <c r="CD88" s="371" t="str">
        <f t="shared" si="1"/>
        <v/>
      </c>
      <c r="CE88" s="371"/>
      <c r="CF88" s="371"/>
      <c r="CG88" s="371"/>
      <c r="CH88" s="371"/>
      <c r="CI88" s="379"/>
      <c r="CJ88" s="383"/>
      <c r="CK88" s="379"/>
      <c r="CL88" s="370"/>
      <c r="CM88" s="370"/>
      <c r="CN88" s="370"/>
      <c r="CO88" s="370"/>
      <c r="CP88" s="370"/>
      <c r="CQ88" s="370"/>
      <c r="CR88" s="370"/>
      <c r="CS88" s="262"/>
      <c r="CT88" s="262"/>
      <c r="CU88" s="262"/>
      <c r="CV88" s="262"/>
      <c r="CW88" s="371"/>
      <c r="CX88" s="371"/>
      <c r="CY88" s="455"/>
    </row>
    <row r="89" spans="1:103" s="67" customFormat="1" ht="12" customHeight="1">
      <c r="A89" s="72">
        <v>69</v>
      </c>
      <c r="B89" s="103"/>
      <c r="C89" s="807"/>
      <c r="D89" s="103"/>
      <c r="E89" s="103"/>
      <c r="F89" s="103"/>
      <c r="G89" s="217"/>
      <c r="H89" s="217"/>
      <c r="I89" s="217"/>
      <c r="J89" s="353"/>
      <c r="K89" s="353"/>
      <c r="L89" s="401"/>
      <c r="M89" s="401"/>
      <c r="N89" s="789"/>
      <c r="O89" s="798"/>
      <c r="P89" s="401"/>
      <c r="Q89" s="401"/>
      <c r="R89" s="401"/>
      <c r="S89" s="401"/>
      <c r="T89" s="401"/>
      <c r="U89" s="401"/>
      <c r="V89" s="799"/>
      <c r="W89" s="792"/>
      <c r="X89" s="505"/>
      <c r="Y89" s="505"/>
      <c r="Z89" s="505"/>
      <c r="AA89" s="505"/>
      <c r="AB89" s="218"/>
      <c r="AC89" s="218"/>
      <c r="AD89" s="218"/>
      <c r="AE89" s="218"/>
      <c r="AF89" s="218"/>
      <c r="AG89" s="218"/>
      <c r="AH89" s="218"/>
      <c r="AI89" s="218"/>
      <c r="AJ89" s="218"/>
      <c r="AK89" s="218"/>
      <c r="AL89" s="218"/>
      <c r="AM89" s="218"/>
      <c r="AN89" s="218"/>
      <c r="AO89" s="218"/>
      <c r="AP89" s="218"/>
      <c r="AQ89" s="218"/>
      <c r="AR89" s="218"/>
      <c r="AS89" s="218"/>
      <c r="AT89" s="218"/>
      <c r="AU89" s="218"/>
      <c r="AV89" s="218"/>
      <c r="AW89" s="218"/>
      <c r="AX89" s="218"/>
      <c r="AY89" s="218"/>
      <c r="AZ89" s="218"/>
      <c r="BA89" s="218"/>
      <c r="BB89" s="218"/>
      <c r="BC89" s="218"/>
      <c r="BD89" s="218"/>
      <c r="BE89" s="218"/>
      <c r="BF89" s="218"/>
      <c r="BG89" s="218"/>
      <c r="BH89" s="218"/>
      <c r="BI89" s="218"/>
      <c r="BJ89" s="218"/>
      <c r="BK89" s="218"/>
      <c r="BL89" s="218"/>
      <c r="BM89" s="218"/>
      <c r="BN89" s="218"/>
      <c r="BO89" s="218"/>
      <c r="BP89" s="218"/>
      <c r="BQ89" s="218"/>
      <c r="BR89" s="218"/>
      <c r="BS89" s="218"/>
      <c r="BT89" s="218"/>
      <c r="BU89" s="218"/>
      <c r="BV89" s="218"/>
      <c r="BW89" s="103"/>
      <c r="BX89" s="218"/>
      <c r="BY89" s="218"/>
      <c r="BZ89" s="218"/>
      <c r="CA89" s="218"/>
      <c r="CB89" s="218"/>
      <c r="CC89" s="218"/>
      <c r="CD89" s="371" t="str">
        <f t="shared" si="1"/>
        <v/>
      </c>
      <c r="CE89" s="371"/>
      <c r="CF89" s="371"/>
      <c r="CG89" s="371"/>
      <c r="CH89" s="371"/>
      <c r="CI89" s="379"/>
      <c r="CJ89" s="383"/>
      <c r="CK89" s="379"/>
      <c r="CL89" s="370"/>
      <c r="CM89" s="370"/>
      <c r="CN89" s="370"/>
      <c r="CO89" s="370"/>
      <c r="CP89" s="370"/>
      <c r="CQ89" s="370"/>
      <c r="CR89" s="370"/>
      <c r="CS89" s="262"/>
      <c r="CT89" s="262"/>
      <c r="CU89" s="262"/>
      <c r="CV89" s="262"/>
      <c r="CW89" s="371"/>
      <c r="CX89" s="371"/>
      <c r="CY89" s="455"/>
    </row>
    <row r="90" spans="1:103" s="67" customFormat="1" ht="12" customHeight="1">
      <c r="A90" s="72">
        <v>70</v>
      </c>
      <c r="B90" s="103"/>
      <c r="C90" s="807"/>
      <c r="D90" s="103"/>
      <c r="E90" s="103"/>
      <c r="F90" s="103"/>
      <c r="G90" s="217"/>
      <c r="H90" s="217"/>
      <c r="I90" s="217"/>
      <c r="J90" s="353"/>
      <c r="K90" s="353"/>
      <c r="L90" s="401"/>
      <c r="M90" s="401"/>
      <c r="N90" s="789"/>
      <c r="O90" s="798"/>
      <c r="P90" s="401"/>
      <c r="Q90" s="401"/>
      <c r="R90" s="401"/>
      <c r="S90" s="401"/>
      <c r="T90" s="401"/>
      <c r="U90" s="401"/>
      <c r="V90" s="799"/>
      <c r="W90" s="792"/>
      <c r="X90" s="505"/>
      <c r="Y90" s="505"/>
      <c r="Z90" s="505"/>
      <c r="AA90" s="505"/>
      <c r="AB90" s="218"/>
      <c r="AC90" s="218"/>
      <c r="AD90" s="218"/>
      <c r="AE90" s="218"/>
      <c r="AF90" s="218"/>
      <c r="AG90" s="218"/>
      <c r="AH90" s="218"/>
      <c r="AI90" s="218"/>
      <c r="AJ90" s="218"/>
      <c r="AK90" s="218"/>
      <c r="AL90" s="218"/>
      <c r="AM90" s="218"/>
      <c r="AN90" s="218"/>
      <c r="AO90" s="218"/>
      <c r="AP90" s="218"/>
      <c r="AQ90" s="218"/>
      <c r="AR90" s="218"/>
      <c r="AS90" s="218"/>
      <c r="AT90" s="218"/>
      <c r="AU90" s="218"/>
      <c r="AV90" s="218"/>
      <c r="AW90" s="218"/>
      <c r="AX90" s="218"/>
      <c r="AY90" s="218"/>
      <c r="AZ90" s="218"/>
      <c r="BA90" s="218"/>
      <c r="BB90" s="218"/>
      <c r="BC90" s="218"/>
      <c r="BD90" s="218"/>
      <c r="BE90" s="218"/>
      <c r="BF90" s="218"/>
      <c r="BG90" s="218"/>
      <c r="BH90" s="218"/>
      <c r="BI90" s="218"/>
      <c r="BJ90" s="218"/>
      <c r="BK90" s="218"/>
      <c r="BL90" s="218"/>
      <c r="BM90" s="218"/>
      <c r="BN90" s="218"/>
      <c r="BO90" s="218"/>
      <c r="BP90" s="218"/>
      <c r="BQ90" s="218"/>
      <c r="BR90" s="218"/>
      <c r="BS90" s="218"/>
      <c r="BT90" s="218"/>
      <c r="BU90" s="218"/>
      <c r="BV90" s="218"/>
      <c r="BW90" s="103"/>
      <c r="BX90" s="218"/>
      <c r="BY90" s="218"/>
      <c r="BZ90" s="218"/>
      <c r="CA90" s="218"/>
      <c r="CB90" s="218"/>
      <c r="CC90" s="218"/>
      <c r="CD90" s="371" t="str">
        <f t="shared" si="1"/>
        <v/>
      </c>
      <c r="CE90" s="371"/>
      <c r="CF90" s="371"/>
      <c r="CG90" s="371"/>
      <c r="CH90" s="371"/>
      <c r="CI90" s="379"/>
      <c r="CJ90" s="383"/>
      <c r="CK90" s="379"/>
      <c r="CL90" s="370"/>
      <c r="CM90" s="370"/>
      <c r="CN90" s="370"/>
      <c r="CO90" s="370"/>
      <c r="CP90" s="370"/>
      <c r="CQ90" s="370"/>
      <c r="CR90" s="370"/>
      <c r="CS90" s="262"/>
      <c r="CT90" s="262"/>
      <c r="CU90" s="262"/>
      <c r="CV90" s="262"/>
      <c r="CW90" s="371"/>
      <c r="CX90" s="371"/>
      <c r="CY90" s="455"/>
    </row>
    <row r="91" spans="1:103" s="67" customFormat="1" ht="12" customHeight="1">
      <c r="A91" s="72">
        <v>71</v>
      </c>
      <c r="B91" s="103"/>
      <c r="C91" s="807"/>
      <c r="D91" s="103"/>
      <c r="E91" s="103"/>
      <c r="F91" s="103"/>
      <c r="G91" s="217"/>
      <c r="H91" s="217"/>
      <c r="I91" s="217"/>
      <c r="J91" s="353"/>
      <c r="K91" s="353"/>
      <c r="L91" s="401"/>
      <c r="M91" s="401"/>
      <c r="N91" s="789"/>
      <c r="O91" s="798"/>
      <c r="P91" s="401"/>
      <c r="Q91" s="401"/>
      <c r="R91" s="401"/>
      <c r="S91" s="401"/>
      <c r="T91" s="401"/>
      <c r="U91" s="401"/>
      <c r="V91" s="799"/>
      <c r="W91" s="792"/>
      <c r="X91" s="505"/>
      <c r="Y91" s="505"/>
      <c r="Z91" s="505"/>
      <c r="AA91" s="505"/>
      <c r="AB91" s="218"/>
      <c r="AC91" s="218"/>
      <c r="AD91" s="218"/>
      <c r="AE91" s="218"/>
      <c r="AF91" s="218"/>
      <c r="AG91" s="218"/>
      <c r="AH91" s="218"/>
      <c r="AI91" s="218"/>
      <c r="AJ91" s="218"/>
      <c r="AK91" s="218"/>
      <c r="AL91" s="218"/>
      <c r="AM91" s="218"/>
      <c r="AN91" s="218"/>
      <c r="AO91" s="218"/>
      <c r="AP91" s="218"/>
      <c r="AQ91" s="218"/>
      <c r="AR91" s="218"/>
      <c r="AS91" s="218"/>
      <c r="AT91" s="218"/>
      <c r="AU91" s="218"/>
      <c r="AV91" s="218"/>
      <c r="AW91" s="218"/>
      <c r="AX91" s="218"/>
      <c r="AY91" s="218"/>
      <c r="AZ91" s="218"/>
      <c r="BA91" s="218"/>
      <c r="BB91" s="218"/>
      <c r="BC91" s="218"/>
      <c r="BD91" s="218"/>
      <c r="BE91" s="218"/>
      <c r="BF91" s="218"/>
      <c r="BG91" s="218"/>
      <c r="BH91" s="218"/>
      <c r="BI91" s="218"/>
      <c r="BJ91" s="218"/>
      <c r="BK91" s="218"/>
      <c r="BL91" s="218"/>
      <c r="BM91" s="218"/>
      <c r="BN91" s="218"/>
      <c r="BO91" s="218"/>
      <c r="BP91" s="218"/>
      <c r="BQ91" s="218"/>
      <c r="BR91" s="218"/>
      <c r="BS91" s="218"/>
      <c r="BT91" s="218"/>
      <c r="BU91" s="218"/>
      <c r="BV91" s="218"/>
      <c r="BW91" s="103"/>
      <c r="BX91" s="218"/>
      <c r="BY91" s="218"/>
      <c r="BZ91" s="218"/>
      <c r="CA91" s="218"/>
      <c r="CB91" s="218"/>
      <c r="CC91" s="218"/>
      <c r="CD91" s="371" t="str">
        <f t="shared" si="1"/>
        <v/>
      </c>
      <c r="CE91" s="371"/>
      <c r="CF91" s="371"/>
      <c r="CG91" s="371"/>
      <c r="CH91" s="371"/>
      <c r="CI91" s="379"/>
      <c r="CJ91" s="383"/>
      <c r="CK91" s="379"/>
      <c r="CL91" s="370"/>
      <c r="CM91" s="370"/>
      <c r="CN91" s="370"/>
      <c r="CO91" s="370"/>
      <c r="CP91" s="370"/>
      <c r="CQ91" s="370"/>
      <c r="CR91" s="370"/>
      <c r="CS91" s="262"/>
      <c r="CT91" s="262"/>
      <c r="CU91" s="262"/>
      <c r="CV91" s="262"/>
      <c r="CW91" s="371"/>
      <c r="CX91" s="371"/>
      <c r="CY91" s="455"/>
    </row>
    <row r="92" spans="1:103" s="67" customFormat="1" ht="12" customHeight="1">
      <c r="A92" s="72">
        <v>72</v>
      </c>
      <c r="B92" s="103"/>
      <c r="C92" s="807"/>
      <c r="D92" s="103"/>
      <c r="E92" s="103"/>
      <c r="F92" s="103"/>
      <c r="G92" s="217"/>
      <c r="H92" s="217"/>
      <c r="I92" s="217"/>
      <c r="J92" s="353"/>
      <c r="K92" s="353"/>
      <c r="L92" s="401"/>
      <c r="M92" s="401"/>
      <c r="N92" s="789"/>
      <c r="O92" s="798"/>
      <c r="P92" s="401"/>
      <c r="Q92" s="401"/>
      <c r="R92" s="401"/>
      <c r="S92" s="401"/>
      <c r="T92" s="401"/>
      <c r="U92" s="401"/>
      <c r="V92" s="799"/>
      <c r="W92" s="792"/>
      <c r="X92" s="505"/>
      <c r="Y92" s="505"/>
      <c r="Z92" s="505"/>
      <c r="AA92" s="505"/>
      <c r="AB92" s="218"/>
      <c r="AC92" s="218"/>
      <c r="AD92" s="218"/>
      <c r="AE92" s="218"/>
      <c r="AF92" s="218"/>
      <c r="AG92" s="218"/>
      <c r="AH92" s="218"/>
      <c r="AI92" s="218"/>
      <c r="AJ92" s="218"/>
      <c r="AK92" s="218"/>
      <c r="AL92" s="218"/>
      <c r="AM92" s="218"/>
      <c r="AN92" s="218"/>
      <c r="AO92" s="218"/>
      <c r="AP92" s="218"/>
      <c r="AQ92" s="218"/>
      <c r="AR92" s="218"/>
      <c r="AS92" s="218"/>
      <c r="AT92" s="218"/>
      <c r="AU92" s="218"/>
      <c r="AV92" s="218"/>
      <c r="AW92" s="218"/>
      <c r="AX92" s="218"/>
      <c r="AY92" s="218"/>
      <c r="AZ92" s="218"/>
      <c r="BA92" s="218"/>
      <c r="BB92" s="218"/>
      <c r="BC92" s="218"/>
      <c r="BD92" s="218"/>
      <c r="BE92" s="218"/>
      <c r="BF92" s="218"/>
      <c r="BG92" s="218"/>
      <c r="BH92" s="218"/>
      <c r="BI92" s="218"/>
      <c r="BJ92" s="218"/>
      <c r="BK92" s="218"/>
      <c r="BL92" s="218"/>
      <c r="BM92" s="218"/>
      <c r="BN92" s="218"/>
      <c r="BO92" s="218"/>
      <c r="BP92" s="218"/>
      <c r="BQ92" s="218"/>
      <c r="BR92" s="218"/>
      <c r="BS92" s="218"/>
      <c r="BT92" s="218"/>
      <c r="BU92" s="218"/>
      <c r="BV92" s="218"/>
      <c r="BW92" s="103"/>
      <c r="BX92" s="218"/>
      <c r="BY92" s="218"/>
      <c r="BZ92" s="218"/>
      <c r="CA92" s="218"/>
      <c r="CB92" s="218"/>
      <c r="CC92" s="218"/>
      <c r="CD92" s="371" t="str">
        <f t="shared" si="1"/>
        <v/>
      </c>
      <c r="CE92" s="371"/>
      <c r="CF92" s="371"/>
      <c r="CG92" s="371"/>
      <c r="CH92" s="371"/>
      <c r="CI92" s="379"/>
      <c r="CJ92" s="383"/>
      <c r="CK92" s="379"/>
      <c r="CL92" s="370"/>
      <c r="CM92" s="370"/>
      <c r="CN92" s="370"/>
      <c r="CO92" s="370"/>
      <c r="CP92" s="370"/>
      <c r="CQ92" s="370"/>
      <c r="CR92" s="370"/>
      <c r="CS92" s="262"/>
      <c r="CT92" s="262"/>
      <c r="CU92" s="262"/>
      <c r="CV92" s="262"/>
      <c r="CW92" s="371"/>
      <c r="CX92" s="371"/>
      <c r="CY92" s="455"/>
    </row>
    <row r="93" spans="1:103" s="67" customFormat="1" ht="12" customHeight="1">
      <c r="A93" s="72">
        <v>73</v>
      </c>
      <c r="B93" s="103"/>
      <c r="C93" s="807"/>
      <c r="D93" s="103"/>
      <c r="E93" s="103"/>
      <c r="F93" s="103"/>
      <c r="G93" s="217"/>
      <c r="H93" s="217"/>
      <c r="I93" s="217"/>
      <c r="J93" s="353"/>
      <c r="K93" s="353"/>
      <c r="L93" s="401"/>
      <c r="M93" s="401"/>
      <c r="N93" s="789"/>
      <c r="O93" s="798"/>
      <c r="P93" s="401"/>
      <c r="Q93" s="401"/>
      <c r="R93" s="401"/>
      <c r="S93" s="401"/>
      <c r="T93" s="401"/>
      <c r="U93" s="401"/>
      <c r="V93" s="799"/>
      <c r="W93" s="792"/>
      <c r="X93" s="505"/>
      <c r="Y93" s="505"/>
      <c r="Z93" s="505"/>
      <c r="AA93" s="505"/>
      <c r="AB93" s="218"/>
      <c r="AC93" s="218"/>
      <c r="AD93" s="218"/>
      <c r="AE93" s="218"/>
      <c r="AF93" s="218"/>
      <c r="AG93" s="218"/>
      <c r="AH93" s="218"/>
      <c r="AI93" s="218"/>
      <c r="AJ93" s="218"/>
      <c r="AK93" s="218"/>
      <c r="AL93" s="218"/>
      <c r="AM93" s="218"/>
      <c r="AN93" s="218"/>
      <c r="AO93" s="218"/>
      <c r="AP93" s="218"/>
      <c r="AQ93" s="218"/>
      <c r="AR93" s="218"/>
      <c r="AS93" s="218"/>
      <c r="AT93" s="218"/>
      <c r="AU93" s="218"/>
      <c r="AV93" s="218"/>
      <c r="AW93" s="218"/>
      <c r="AX93" s="218"/>
      <c r="AY93" s="218"/>
      <c r="AZ93" s="218"/>
      <c r="BA93" s="218"/>
      <c r="BB93" s="218"/>
      <c r="BC93" s="218"/>
      <c r="BD93" s="218"/>
      <c r="BE93" s="218"/>
      <c r="BF93" s="218"/>
      <c r="BG93" s="218"/>
      <c r="BH93" s="218"/>
      <c r="BI93" s="218"/>
      <c r="BJ93" s="218"/>
      <c r="BK93" s="218"/>
      <c r="BL93" s="218"/>
      <c r="BM93" s="218"/>
      <c r="BN93" s="218"/>
      <c r="BO93" s="218"/>
      <c r="BP93" s="218"/>
      <c r="BQ93" s="218"/>
      <c r="BR93" s="218"/>
      <c r="BS93" s="218"/>
      <c r="BT93" s="218"/>
      <c r="BU93" s="218"/>
      <c r="BV93" s="218"/>
      <c r="BW93" s="103"/>
      <c r="BX93" s="218"/>
      <c r="BY93" s="218"/>
      <c r="BZ93" s="218"/>
      <c r="CA93" s="218"/>
      <c r="CB93" s="218"/>
      <c r="CC93" s="218"/>
      <c r="CD93" s="371" t="str">
        <f t="shared" si="1"/>
        <v/>
      </c>
      <c r="CE93" s="371"/>
      <c r="CF93" s="371"/>
      <c r="CG93" s="371"/>
      <c r="CH93" s="371"/>
      <c r="CI93" s="379"/>
      <c r="CJ93" s="383"/>
      <c r="CK93" s="379"/>
      <c r="CL93" s="370"/>
      <c r="CM93" s="370"/>
      <c r="CN93" s="370"/>
      <c r="CO93" s="370"/>
      <c r="CP93" s="370"/>
      <c r="CQ93" s="370"/>
      <c r="CR93" s="370"/>
      <c r="CS93" s="262"/>
      <c r="CT93" s="262"/>
      <c r="CU93" s="262"/>
      <c r="CV93" s="262"/>
      <c r="CW93" s="371"/>
      <c r="CX93" s="371"/>
      <c r="CY93" s="455"/>
    </row>
    <row r="94" spans="1:103" s="67" customFormat="1" ht="12" customHeight="1">
      <c r="A94" s="72">
        <v>74</v>
      </c>
      <c r="B94" s="103"/>
      <c r="C94" s="807"/>
      <c r="D94" s="103"/>
      <c r="E94" s="103"/>
      <c r="F94" s="103"/>
      <c r="G94" s="217"/>
      <c r="H94" s="217"/>
      <c r="I94" s="217"/>
      <c r="J94" s="353"/>
      <c r="K94" s="353"/>
      <c r="L94" s="401"/>
      <c r="M94" s="401"/>
      <c r="N94" s="789"/>
      <c r="O94" s="798"/>
      <c r="P94" s="401"/>
      <c r="Q94" s="401"/>
      <c r="R94" s="401"/>
      <c r="S94" s="401"/>
      <c r="T94" s="401"/>
      <c r="U94" s="401"/>
      <c r="V94" s="799"/>
      <c r="W94" s="792"/>
      <c r="X94" s="505"/>
      <c r="Y94" s="505"/>
      <c r="Z94" s="505"/>
      <c r="AA94" s="505"/>
      <c r="AB94" s="218"/>
      <c r="AC94" s="218"/>
      <c r="AD94" s="218"/>
      <c r="AE94" s="218"/>
      <c r="AF94" s="218"/>
      <c r="AG94" s="218"/>
      <c r="AH94" s="218"/>
      <c r="AI94" s="218"/>
      <c r="AJ94" s="218"/>
      <c r="AK94" s="218"/>
      <c r="AL94" s="218"/>
      <c r="AM94" s="218"/>
      <c r="AN94" s="218"/>
      <c r="AO94" s="218"/>
      <c r="AP94" s="218"/>
      <c r="AQ94" s="218"/>
      <c r="AR94" s="218"/>
      <c r="AS94" s="218"/>
      <c r="AT94" s="218"/>
      <c r="AU94" s="218"/>
      <c r="AV94" s="218"/>
      <c r="AW94" s="218"/>
      <c r="AX94" s="218"/>
      <c r="AY94" s="218"/>
      <c r="AZ94" s="218"/>
      <c r="BA94" s="218"/>
      <c r="BB94" s="218"/>
      <c r="BC94" s="218"/>
      <c r="BD94" s="218"/>
      <c r="BE94" s="218"/>
      <c r="BF94" s="218"/>
      <c r="BG94" s="218"/>
      <c r="BH94" s="218"/>
      <c r="BI94" s="218"/>
      <c r="BJ94" s="218"/>
      <c r="BK94" s="218"/>
      <c r="BL94" s="218"/>
      <c r="BM94" s="218"/>
      <c r="BN94" s="218"/>
      <c r="BO94" s="218"/>
      <c r="BP94" s="218"/>
      <c r="BQ94" s="218"/>
      <c r="BR94" s="218"/>
      <c r="BS94" s="218"/>
      <c r="BT94" s="218"/>
      <c r="BU94" s="218"/>
      <c r="BV94" s="218"/>
      <c r="BW94" s="103"/>
      <c r="BX94" s="218"/>
      <c r="BY94" s="218"/>
      <c r="BZ94" s="218"/>
      <c r="CA94" s="218"/>
      <c r="CB94" s="218"/>
      <c r="CC94" s="218"/>
      <c r="CD94" s="371" t="str">
        <f t="shared" si="1"/>
        <v/>
      </c>
      <c r="CE94" s="371"/>
      <c r="CF94" s="371"/>
      <c r="CG94" s="371"/>
      <c r="CH94" s="371"/>
      <c r="CI94" s="379"/>
      <c r="CJ94" s="383"/>
      <c r="CK94" s="379"/>
      <c r="CL94" s="370"/>
      <c r="CM94" s="370"/>
      <c r="CN94" s="370"/>
      <c r="CO94" s="370"/>
      <c r="CP94" s="370"/>
      <c r="CQ94" s="370"/>
      <c r="CR94" s="370"/>
      <c r="CS94" s="262"/>
      <c r="CT94" s="262"/>
      <c r="CU94" s="262"/>
      <c r="CV94" s="262"/>
      <c r="CW94" s="371"/>
      <c r="CX94" s="371"/>
      <c r="CY94" s="455"/>
    </row>
    <row r="95" spans="1:103" s="67" customFormat="1" ht="12" customHeight="1">
      <c r="A95" s="72">
        <v>75</v>
      </c>
      <c r="B95" s="103"/>
      <c r="C95" s="807"/>
      <c r="D95" s="103"/>
      <c r="E95" s="103"/>
      <c r="F95" s="103"/>
      <c r="G95" s="217"/>
      <c r="H95" s="217"/>
      <c r="I95" s="217"/>
      <c r="J95" s="353"/>
      <c r="K95" s="353"/>
      <c r="L95" s="401"/>
      <c r="M95" s="401"/>
      <c r="N95" s="789"/>
      <c r="O95" s="798"/>
      <c r="P95" s="401"/>
      <c r="Q95" s="401"/>
      <c r="R95" s="401"/>
      <c r="S95" s="401"/>
      <c r="T95" s="401"/>
      <c r="U95" s="401"/>
      <c r="V95" s="799"/>
      <c r="W95" s="792"/>
      <c r="X95" s="505"/>
      <c r="Y95" s="505"/>
      <c r="Z95" s="505"/>
      <c r="AA95" s="505"/>
      <c r="AB95" s="218"/>
      <c r="AC95" s="218"/>
      <c r="AD95" s="218"/>
      <c r="AE95" s="218"/>
      <c r="AF95" s="218"/>
      <c r="AG95" s="218"/>
      <c r="AH95" s="218"/>
      <c r="AI95" s="218"/>
      <c r="AJ95" s="218"/>
      <c r="AK95" s="218"/>
      <c r="AL95" s="218"/>
      <c r="AM95" s="218"/>
      <c r="AN95" s="218"/>
      <c r="AO95" s="218"/>
      <c r="AP95" s="218"/>
      <c r="AQ95" s="218"/>
      <c r="AR95" s="218"/>
      <c r="AS95" s="218"/>
      <c r="AT95" s="218"/>
      <c r="AU95" s="218"/>
      <c r="AV95" s="218"/>
      <c r="AW95" s="218"/>
      <c r="AX95" s="218"/>
      <c r="AY95" s="218"/>
      <c r="AZ95" s="218"/>
      <c r="BA95" s="218"/>
      <c r="BB95" s="218"/>
      <c r="BC95" s="218"/>
      <c r="BD95" s="218"/>
      <c r="BE95" s="218"/>
      <c r="BF95" s="218"/>
      <c r="BG95" s="218"/>
      <c r="BH95" s="218"/>
      <c r="BI95" s="218"/>
      <c r="BJ95" s="218"/>
      <c r="BK95" s="218"/>
      <c r="BL95" s="218"/>
      <c r="BM95" s="218"/>
      <c r="BN95" s="218"/>
      <c r="BO95" s="218"/>
      <c r="BP95" s="218"/>
      <c r="BQ95" s="218"/>
      <c r="BR95" s="218"/>
      <c r="BS95" s="218"/>
      <c r="BT95" s="218"/>
      <c r="BU95" s="218"/>
      <c r="BV95" s="218"/>
      <c r="BW95" s="103"/>
      <c r="BX95" s="218"/>
      <c r="BY95" s="218"/>
      <c r="BZ95" s="218"/>
      <c r="CA95" s="218"/>
      <c r="CB95" s="218"/>
      <c r="CC95" s="218"/>
      <c r="CD95" s="371" t="str">
        <f t="shared" si="1"/>
        <v/>
      </c>
      <c r="CE95" s="371"/>
      <c r="CF95" s="371"/>
      <c r="CG95" s="371"/>
      <c r="CH95" s="371"/>
      <c r="CI95" s="379"/>
      <c r="CJ95" s="383"/>
      <c r="CK95" s="379"/>
      <c r="CL95" s="370"/>
      <c r="CM95" s="370"/>
      <c r="CN95" s="370"/>
      <c r="CO95" s="370"/>
      <c r="CP95" s="370"/>
      <c r="CQ95" s="370"/>
      <c r="CR95" s="370"/>
      <c r="CS95" s="262"/>
      <c r="CT95" s="262"/>
      <c r="CU95" s="262"/>
      <c r="CV95" s="262"/>
      <c r="CW95" s="371"/>
      <c r="CX95" s="371"/>
      <c r="CY95" s="455"/>
    </row>
    <row r="96" spans="1:103" s="67" customFormat="1" ht="12" customHeight="1">
      <c r="A96" s="72">
        <v>76</v>
      </c>
      <c r="B96" s="103"/>
      <c r="C96" s="807"/>
      <c r="D96" s="103"/>
      <c r="E96" s="103"/>
      <c r="F96" s="103"/>
      <c r="G96" s="217"/>
      <c r="H96" s="217"/>
      <c r="I96" s="217"/>
      <c r="J96" s="353"/>
      <c r="K96" s="353"/>
      <c r="L96" s="401"/>
      <c r="M96" s="401"/>
      <c r="N96" s="789"/>
      <c r="O96" s="798"/>
      <c r="P96" s="401"/>
      <c r="Q96" s="401"/>
      <c r="R96" s="401"/>
      <c r="S96" s="401"/>
      <c r="T96" s="401"/>
      <c r="U96" s="401"/>
      <c r="V96" s="799"/>
      <c r="W96" s="792"/>
      <c r="X96" s="505"/>
      <c r="Y96" s="505"/>
      <c r="Z96" s="505"/>
      <c r="AA96" s="505"/>
      <c r="AB96" s="218"/>
      <c r="AC96" s="218"/>
      <c r="AD96" s="218"/>
      <c r="AE96" s="218"/>
      <c r="AF96" s="218"/>
      <c r="AG96" s="218"/>
      <c r="AH96" s="218"/>
      <c r="AI96" s="218"/>
      <c r="AJ96" s="218"/>
      <c r="AK96" s="218"/>
      <c r="AL96" s="218"/>
      <c r="AM96" s="218"/>
      <c r="AN96" s="218"/>
      <c r="AO96" s="218"/>
      <c r="AP96" s="218"/>
      <c r="AQ96" s="218"/>
      <c r="AR96" s="218"/>
      <c r="AS96" s="218"/>
      <c r="AT96" s="218"/>
      <c r="AU96" s="218"/>
      <c r="AV96" s="218"/>
      <c r="AW96" s="218"/>
      <c r="AX96" s="218"/>
      <c r="AY96" s="218"/>
      <c r="AZ96" s="218"/>
      <c r="BA96" s="218"/>
      <c r="BB96" s="218"/>
      <c r="BC96" s="218"/>
      <c r="BD96" s="218"/>
      <c r="BE96" s="218"/>
      <c r="BF96" s="218"/>
      <c r="BG96" s="218"/>
      <c r="BH96" s="218"/>
      <c r="BI96" s="218"/>
      <c r="BJ96" s="218"/>
      <c r="BK96" s="218"/>
      <c r="BL96" s="218"/>
      <c r="BM96" s="218"/>
      <c r="BN96" s="218"/>
      <c r="BO96" s="218"/>
      <c r="BP96" s="218"/>
      <c r="BQ96" s="218"/>
      <c r="BR96" s="218"/>
      <c r="BS96" s="218"/>
      <c r="BT96" s="218"/>
      <c r="BU96" s="218"/>
      <c r="BV96" s="218"/>
      <c r="BW96" s="103"/>
      <c r="BX96" s="218"/>
      <c r="BY96" s="218"/>
      <c r="BZ96" s="218"/>
      <c r="CA96" s="218"/>
      <c r="CB96" s="218"/>
      <c r="CC96" s="218"/>
      <c r="CD96" s="371" t="str">
        <f t="shared" si="1"/>
        <v/>
      </c>
      <c r="CE96" s="371"/>
      <c r="CF96" s="371"/>
      <c r="CG96" s="371"/>
      <c r="CH96" s="371"/>
      <c r="CI96" s="379"/>
      <c r="CJ96" s="383"/>
      <c r="CK96" s="379"/>
      <c r="CL96" s="370"/>
      <c r="CM96" s="370"/>
      <c r="CN96" s="370"/>
      <c r="CO96" s="370"/>
      <c r="CP96" s="370"/>
      <c r="CQ96" s="370"/>
      <c r="CR96" s="370"/>
      <c r="CS96" s="262"/>
      <c r="CT96" s="262"/>
      <c r="CU96" s="262"/>
      <c r="CV96" s="262"/>
      <c r="CW96" s="371"/>
      <c r="CX96" s="371"/>
      <c r="CY96" s="455"/>
    </row>
    <row r="97" spans="1:103" s="67" customFormat="1" ht="12" customHeight="1">
      <c r="A97" s="72">
        <v>77</v>
      </c>
      <c r="B97" s="103"/>
      <c r="C97" s="807"/>
      <c r="D97" s="103"/>
      <c r="E97" s="103"/>
      <c r="F97" s="103"/>
      <c r="G97" s="217"/>
      <c r="H97" s="217"/>
      <c r="I97" s="217"/>
      <c r="J97" s="353"/>
      <c r="K97" s="353"/>
      <c r="L97" s="401"/>
      <c r="M97" s="401"/>
      <c r="N97" s="789"/>
      <c r="O97" s="798"/>
      <c r="P97" s="401"/>
      <c r="Q97" s="401"/>
      <c r="R97" s="401"/>
      <c r="S97" s="401"/>
      <c r="T97" s="401"/>
      <c r="U97" s="401"/>
      <c r="V97" s="799"/>
      <c r="W97" s="792"/>
      <c r="X97" s="505"/>
      <c r="Y97" s="505"/>
      <c r="Z97" s="505"/>
      <c r="AA97" s="505"/>
      <c r="AB97" s="218"/>
      <c r="AC97" s="218"/>
      <c r="AD97" s="218"/>
      <c r="AE97" s="218"/>
      <c r="AF97" s="218"/>
      <c r="AG97" s="218"/>
      <c r="AH97" s="218"/>
      <c r="AI97" s="218"/>
      <c r="AJ97" s="218"/>
      <c r="AK97" s="218"/>
      <c r="AL97" s="218"/>
      <c r="AM97" s="218"/>
      <c r="AN97" s="218"/>
      <c r="AO97" s="218"/>
      <c r="AP97" s="218"/>
      <c r="AQ97" s="218"/>
      <c r="AR97" s="218"/>
      <c r="AS97" s="218"/>
      <c r="AT97" s="218"/>
      <c r="AU97" s="218"/>
      <c r="AV97" s="218"/>
      <c r="AW97" s="218"/>
      <c r="AX97" s="218"/>
      <c r="AY97" s="218"/>
      <c r="AZ97" s="218"/>
      <c r="BA97" s="218"/>
      <c r="BB97" s="218"/>
      <c r="BC97" s="218"/>
      <c r="BD97" s="218"/>
      <c r="BE97" s="218"/>
      <c r="BF97" s="218"/>
      <c r="BG97" s="218"/>
      <c r="BH97" s="218"/>
      <c r="BI97" s="218"/>
      <c r="BJ97" s="218"/>
      <c r="BK97" s="218"/>
      <c r="BL97" s="218"/>
      <c r="BM97" s="218"/>
      <c r="BN97" s="218"/>
      <c r="BO97" s="218"/>
      <c r="BP97" s="218"/>
      <c r="BQ97" s="218"/>
      <c r="BR97" s="218"/>
      <c r="BS97" s="218"/>
      <c r="BT97" s="218"/>
      <c r="BU97" s="218"/>
      <c r="BV97" s="218"/>
      <c r="BW97" s="103"/>
      <c r="BX97" s="218"/>
      <c r="BY97" s="218"/>
      <c r="BZ97" s="218"/>
      <c r="CA97" s="218"/>
      <c r="CB97" s="218"/>
      <c r="CC97" s="218"/>
      <c r="CD97" s="371" t="str">
        <f t="shared" si="1"/>
        <v/>
      </c>
      <c r="CE97" s="371"/>
      <c r="CF97" s="371"/>
      <c r="CG97" s="371"/>
      <c r="CH97" s="371"/>
      <c r="CI97" s="379"/>
      <c r="CJ97" s="383"/>
      <c r="CK97" s="379"/>
      <c r="CL97" s="370"/>
      <c r="CM97" s="370"/>
      <c r="CN97" s="370"/>
      <c r="CO97" s="370"/>
      <c r="CP97" s="370"/>
      <c r="CQ97" s="370"/>
      <c r="CR97" s="370"/>
      <c r="CS97" s="262"/>
      <c r="CT97" s="262"/>
      <c r="CU97" s="262"/>
      <c r="CV97" s="262"/>
      <c r="CW97" s="371"/>
      <c r="CX97" s="371"/>
      <c r="CY97" s="455"/>
    </row>
    <row r="98" spans="1:103" s="67" customFormat="1" ht="12" customHeight="1">
      <c r="A98" s="72">
        <v>78</v>
      </c>
      <c r="B98" s="103"/>
      <c r="C98" s="807"/>
      <c r="D98" s="103"/>
      <c r="E98" s="103"/>
      <c r="F98" s="103"/>
      <c r="G98" s="217"/>
      <c r="H98" s="217"/>
      <c r="I98" s="217"/>
      <c r="J98" s="353"/>
      <c r="K98" s="353"/>
      <c r="L98" s="401"/>
      <c r="M98" s="401"/>
      <c r="N98" s="789"/>
      <c r="O98" s="798"/>
      <c r="P98" s="401"/>
      <c r="Q98" s="401"/>
      <c r="R98" s="401"/>
      <c r="S98" s="401"/>
      <c r="T98" s="401"/>
      <c r="U98" s="401"/>
      <c r="V98" s="799"/>
      <c r="W98" s="792"/>
      <c r="X98" s="505"/>
      <c r="Y98" s="505"/>
      <c r="Z98" s="505"/>
      <c r="AA98" s="505"/>
      <c r="AB98" s="218"/>
      <c r="AC98" s="218"/>
      <c r="AD98" s="218"/>
      <c r="AE98" s="218"/>
      <c r="AF98" s="218"/>
      <c r="AG98" s="218"/>
      <c r="AH98" s="218"/>
      <c r="AI98" s="218"/>
      <c r="AJ98" s="218"/>
      <c r="AK98" s="218"/>
      <c r="AL98" s="218"/>
      <c r="AM98" s="218"/>
      <c r="AN98" s="218"/>
      <c r="AO98" s="218"/>
      <c r="AP98" s="218"/>
      <c r="AQ98" s="218"/>
      <c r="AR98" s="218"/>
      <c r="AS98" s="218"/>
      <c r="AT98" s="218"/>
      <c r="AU98" s="218"/>
      <c r="AV98" s="218"/>
      <c r="AW98" s="218"/>
      <c r="AX98" s="218"/>
      <c r="AY98" s="218"/>
      <c r="AZ98" s="218"/>
      <c r="BA98" s="218"/>
      <c r="BB98" s="218"/>
      <c r="BC98" s="218"/>
      <c r="BD98" s="218"/>
      <c r="BE98" s="218"/>
      <c r="BF98" s="218"/>
      <c r="BG98" s="218"/>
      <c r="BH98" s="218"/>
      <c r="BI98" s="218"/>
      <c r="BJ98" s="218"/>
      <c r="BK98" s="218"/>
      <c r="BL98" s="218"/>
      <c r="BM98" s="218"/>
      <c r="BN98" s="218"/>
      <c r="BO98" s="218"/>
      <c r="BP98" s="218"/>
      <c r="BQ98" s="218"/>
      <c r="BR98" s="218"/>
      <c r="BS98" s="218"/>
      <c r="BT98" s="218"/>
      <c r="BU98" s="218"/>
      <c r="BV98" s="218"/>
      <c r="BW98" s="103"/>
      <c r="BX98" s="218"/>
      <c r="BY98" s="218"/>
      <c r="BZ98" s="218"/>
      <c r="CA98" s="218"/>
      <c r="CB98" s="218"/>
      <c r="CC98" s="218"/>
      <c r="CD98" s="371" t="str">
        <f t="shared" si="1"/>
        <v/>
      </c>
      <c r="CE98" s="371"/>
      <c r="CF98" s="371"/>
      <c r="CG98" s="371"/>
      <c r="CH98" s="371"/>
      <c r="CI98" s="379"/>
      <c r="CJ98" s="383"/>
      <c r="CK98" s="379"/>
      <c r="CL98" s="370"/>
      <c r="CM98" s="370"/>
      <c r="CN98" s="370"/>
      <c r="CO98" s="370"/>
      <c r="CP98" s="370"/>
      <c r="CQ98" s="370"/>
      <c r="CR98" s="370"/>
      <c r="CS98" s="262"/>
      <c r="CT98" s="262"/>
      <c r="CU98" s="262"/>
      <c r="CV98" s="262"/>
      <c r="CW98" s="371"/>
      <c r="CX98" s="371"/>
      <c r="CY98" s="455"/>
    </row>
    <row r="99" spans="1:103" s="67" customFormat="1" ht="12" customHeight="1">
      <c r="A99" s="72">
        <v>79</v>
      </c>
      <c r="B99" s="103"/>
      <c r="C99" s="807"/>
      <c r="D99" s="103"/>
      <c r="E99" s="103"/>
      <c r="F99" s="103"/>
      <c r="G99" s="217"/>
      <c r="H99" s="217"/>
      <c r="I99" s="217"/>
      <c r="J99" s="353"/>
      <c r="K99" s="353"/>
      <c r="L99" s="401"/>
      <c r="M99" s="401"/>
      <c r="N99" s="789"/>
      <c r="O99" s="798"/>
      <c r="P99" s="401"/>
      <c r="Q99" s="401"/>
      <c r="R99" s="401"/>
      <c r="S99" s="401"/>
      <c r="T99" s="401"/>
      <c r="U99" s="401"/>
      <c r="V99" s="799"/>
      <c r="W99" s="792"/>
      <c r="X99" s="505"/>
      <c r="Y99" s="505"/>
      <c r="Z99" s="505"/>
      <c r="AA99" s="505"/>
      <c r="AB99" s="218"/>
      <c r="AC99" s="218"/>
      <c r="AD99" s="218"/>
      <c r="AE99" s="218"/>
      <c r="AF99" s="218"/>
      <c r="AG99" s="218"/>
      <c r="AH99" s="218"/>
      <c r="AI99" s="218"/>
      <c r="AJ99" s="218"/>
      <c r="AK99" s="218"/>
      <c r="AL99" s="218"/>
      <c r="AM99" s="218"/>
      <c r="AN99" s="218"/>
      <c r="AO99" s="218"/>
      <c r="AP99" s="218"/>
      <c r="AQ99" s="218"/>
      <c r="AR99" s="218"/>
      <c r="AS99" s="218"/>
      <c r="AT99" s="218"/>
      <c r="AU99" s="218"/>
      <c r="AV99" s="218"/>
      <c r="AW99" s="218"/>
      <c r="AX99" s="218"/>
      <c r="AY99" s="218"/>
      <c r="AZ99" s="218"/>
      <c r="BA99" s="218"/>
      <c r="BB99" s="218"/>
      <c r="BC99" s="218"/>
      <c r="BD99" s="218"/>
      <c r="BE99" s="218"/>
      <c r="BF99" s="218"/>
      <c r="BG99" s="218"/>
      <c r="BH99" s="218"/>
      <c r="BI99" s="218"/>
      <c r="BJ99" s="218"/>
      <c r="BK99" s="218"/>
      <c r="BL99" s="218"/>
      <c r="BM99" s="218"/>
      <c r="BN99" s="218"/>
      <c r="BO99" s="218"/>
      <c r="BP99" s="218"/>
      <c r="BQ99" s="218"/>
      <c r="BR99" s="218"/>
      <c r="BS99" s="218"/>
      <c r="BT99" s="218"/>
      <c r="BU99" s="218"/>
      <c r="BV99" s="218"/>
      <c r="BW99" s="103"/>
      <c r="BX99" s="218"/>
      <c r="BY99" s="218"/>
      <c r="BZ99" s="218"/>
      <c r="CA99" s="218"/>
      <c r="CB99" s="218"/>
      <c r="CC99" s="218"/>
      <c r="CD99" s="371" t="str">
        <f t="shared" si="1"/>
        <v/>
      </c>
      <c r="CE99" s="371"/>
      <c r="CF99" s="371"/>
      <c r="CG99" s="371"/>
      <c r="CH99" s="371"/>
      <c r="CI99" s="379"/>
      <c r="CJ99" s="383"/>
      <c r="CK99" s="379"/>
      <c r="CL99" s="370"/>
      <c r="CM99" s="370"/>
      <c r="CN99" s="370"/>
      <c r="CO99" s="370"/>
      <c r="CP99" s="370"/>
      <c r="CQ99" s="370"/>
      <c r="CR99" s="370"/>
      <c r="CS99" s="262"/>
      <c r="CT99" s="262"/>
      <c r="CU99" s="262"/>
      <c r="CV99" s="262"/>
      <c r="CW99" s="371"/>
      <c r="CX99" s="371"/>
      <c r="CY99" s="455"/>
    </row>
    <row r="100" spans="1:103" s="67" customFormat="1" ht="12" customHeight="1">
      <c r="A100" s="72">
        <v>80</v>
      </c>
      <c r="B100" s="103"/>
      <c r="C100" s="807"/>
      <c r="D100" s="103"/>
      <c r="E100" s="103"/>
      <c r="F100" s="103"/>
      <c r="G100" s="217"/>
      <c r="H100" s="217"/>
      <c r="I100" s="217"/>
      <c r="J100" s="353"/>
      <c r="K100" s="353"/>
      <c r="L100" s="401"/>
      <c r="M100" s="401"/>
      <c r="N100" s="789"/>
      <c r="O100" s="798"/>
      <c r="P100" s="401"/>
      <c r="Q100" s="401"/>
      <c r="R100" s="401"/>
      <c r="S100" s="401"/>
      <c r="T100" s="401"/>
      <c r="U100" s="401"/>
      <c r="V100" s="799"/>
      <c r="W100" s="792"/>
      <c r="X100" s="505"/>
      <c r="Y100" s="505"/>
      <c r="Z100" s="505"/>
      <c r="AA100" s="505"/>
      <c r="AB100" s="218"/>
      <c r="AC100" s="218"/>
      <c r="AD100" s="218"/>
      <c r="AE100" s="218"/>
      <c r="AF100" s="218"/>
      <c r="AG100" s="218"/>
      <c r="AH100" s="218"/>
      <c r="AI100" s="218"/>
      <c r="AJ100" s="218"/>
      <c r="AK100" s="218"/>
      <c r="AL100" s="218"/>
      <c r="AM100" s="218"/>
      <c r="AN100" s="218"/>
      <c r="AO100" s="218"/>
      <c r="AP100" s="218"/>
      <c r="AQ100" s="218"/>
      <c r="AR100" s="218"/>
      <c r="AS100" s="218"/>
      <c r="AT100" s="218"/>
      <c r="AU100" s="218"/>
      <c r="AV100" s="218"/>
      <c r="AW100" s="218"/>
      <c r="AX100" s="218"/>
      <c r="AY100" s="218"/>
      <c r="AZ100" s="218"/>
      <c r="BA100" s="218"/>
      <c r="BB100" s="218"/>
      <c r="BC100" s="218"/>
      <c r="BD100" s="218"/>
      <c r="BE100" s="218"/>
      <c r="BF100" s="218"/>
      <c r="BG100" s="218"/>
      <c r="BH100" s="218"/>
      <c r="BI100" s="218"/>
      <c r="BJ100" s="218"/>
      <c r="BK100" s="218"/>
      <c r="BL100" s="218"/>
      <c r="BM100" s="218"/>
      <c r="BN100" s="218"/>
      <c r="BO100" s="218"/>
      <c r="BP100" s="218"/>
      <c r="BQ100" s="218"/>
      <c r="BR100" s="218"/>
      <c r="BS100" s="218"/>
      <c r="BT100" s="218"/>
      <c r="BU100" s="218"/>
      <c r="BV100" s="218"/>
      <c r="BW100" s="103"/>
      <c r="BX100" s="218"/>
      <c r="BY100" s="218"/>
      <c r="BZ100" s="218"/>
      <c r="CA100" s="218"/>
      <c r="CB100" s="218"/>
      <c r="CC100" s="218"/>
      <c r="CD100" s="371" t="str">
        <f t="shared" si="1"/>
        <v/>
      </c>
      <c r="CE100" s="371"/>
      <c r="CF100" s="371"/>
      <c r="CG100" s="371"/>
      <c r="CH100" s="371"/>
      <c r="CI100" s="379"/>
      <c r="CJ100" s="383"/>
      <c r="CK100" s="379"/>
      <c r="CL100" s="370"/>
      <c r="CM100" s="370"/>
      <c r="CN100" s="370"/>
      <c r="CO100" s="370"/>
      <c r="CP100" s="370"/>
      <c r="CQ100" s="370"/>
      <c r="CR100" s="370"/>
      <c r="CS100" s="262"/>
      <c r="CT100" s="262"/>
      <c r="CU100" s="262"/>
      <c r="CV100" s="262"/>
      <c r="CW100" s="371"/>
      <c r="CX100" s="371"/>
      <c r="CY100" s="455"/>
    </row>
    <row r="101" spans="1:103" s="67" customFormat="1" ht="12">
      <c r="A101" s="390"/>
      <c r="B101" s="391"/>
      <c r="C101" s="808"/>
      <c r="D101" s="391"/>
      <c r="E101" s="391"/>
      <c r="F101" s="391"/>
      <c r="G101" s="392"/>
      <c r="H101" s="392"/>
      <c r="I101" s="392"/>
      <c r="J101" s="393"/>
      <c r="K101" s="393"/>
      <c r="L101" s="394"/>
      <c r="M101" s="394"/>
      <c r="N101" s="394"/>
      <c r="O101" s="394"/>
      <c r="P101" s="394"/>
      <c r="Q101" s="394"/>
      <c r="R101" s="394"/>
      <c r="S101" s="394"/>
      <c r="T101" s="394"/>
      <c r="U101" s="394"/>
      <c r="V101" s="394"/>
      <c r="W101" s="394"/>
      <c r="X101" s="447"/>
      <c r="Y101" s="447"/>
      <c r="Z101" s="447"/>
      <c r="AA101" s="447"/>
      <c r="AB101" s="395"/>
      <c r="AC101" s="395"/>
      <c r="AD101" s="395"/>
      <c r="AE101" s="395"/>
      <c r="AF101" s="395"/>
      <c r="AG101" s="395"/>
      <c r="AH101" s="395"/>
      <c r="AI101" s="395"/>
      <c r="AJ101" s="395"/>
      <c r="AK101" s="395"/>
      <c r="AL101" s="395"/>
      <c r="AM101" s="395"/>
      <c r="AN101" s="395"/>
      <c r="AO101" s="395"/>
      <c r="AP101" s="395"/>
      <c r="AQ101" s="395"/>
      <c r="AR101" s="395"/>
      <c r="AS101" s="395"/>
      <c r="AT101" s="395"/>
      <c r="AU101" s="395"/>
      <c r="AV101" s="395"/>
      <c r="AW101" s="395"/>
      <c r="AX101" s="395"/>
      <c r="AY101" s="395"/>
      <c r="AZ101" s="395"/>
      <c r="BA101" s="395"/>
      <c r="BB101" s="395"/>
      <c r="BC101" s="395"/>
      <c r="BD101" s="395"/>
      <c r="BE101" s="395"/>
      <c r="BF101" s="395"/>
      <c r="BG101" s="395"/>
      <c r="BH101" s="395"/>
      <c r="BI101" s="395"/>
      <c r="BJ101" s="395"/>
      <c r="BK101" s="395"/>
      <c r="BL101" s="395"/>
      <c r="BM101" s="395"/>
      <c r="BN101" s="395"/>
      <c r="BO101" s="395"/>
      <c r="BP101" s="395"/>
      <c r="BQ101" s="395"/>
      <c r="BR101" s="395"/>
      <c r="BS101" s="395"/>
      <c r="BT101" s="395"/>
      <c r="BU101" s="395"/>
      <c r="BV101" s="395"/>
      <c r="BW101" s="391"/>
      <c r="BX101" s="395"/>
      <c r="BY101" s="395"/>
      <c r="BZ101" s="395"/>
      <c r="CA101" s="395"/>
      <c r="CB101" s="395"/>
      <c r="CC101" s="395"/>
      <c r="CI101" s="396"/>
      <c r="CJ101" s="397"/>
      <c r="CK101" s="396"/>
      <c r="CL101" s="398"/>
      <c r="CM101" s="398"/>
      <c r="CN101" s="398"/>
      <c r="CO101" s="398"/>
      <c r="CP101" s="398"/>
      <c r="CQ101" s="398"/>
      <c r="CR101" s="398"/>
      <c r="CS101" s="399"/>
      <c r="CT101" s="399"/>
      <c r="CU101" s="399"/>
      <c r="CV101" s="399"/>
    </row>
    <row r="102" spans="1:103" s="67" customFormat="1" ht="12">
      <c r="A102" s="390"/>
      <c r="B102" s="391"/>
      <c r="C102" s="808"/>
      <c r="D102" s="391"/>
      <c r="E102" s="391"/>
      <c r="F102" s="391"/>
      <c r="G102" s="392"/>
      <c r="H102" s="392"/>
      <c r="I102" s="392"/>
      <c r="J102" s="393"/>
      <c r="K102" s="393"/>
      <c r="L102" s="394"/>
      <c r="M102" s="394"/>
      <c r="N102" s="394"/>
      <c r="O102" s="394"/>
      <c r="P102" s="394"/>
      <c r="Q102" s="394"/>
      <c r="R102" s="394"/>
      <c r="S102" s="394"/>
      <c r="T102" s="394"/>
      <c r="U102" s="394"/>
      <c r="V102" s="394"/>
      <c r="W102" s="394"/>
      <c r="X102" s="447"/>
      <c r="Y102" s="447"/>
      <c r="Z102" s="447"/>
      <c r="AA102" s="447"/>
      <c r="AB102" s="395"/>
      <c r="AC102" s="395"/>
      <c r="AD102" s="395"/>
      <c r="AE102" s="395"/>
      <c r="AF102" s="395"/>
      <c r="AG102" s="395"/>
      <c r="AH102" s="395"/>
      <c r="AI102" s="395"/>
      <c r="AJ102" s="395"/>
      <c r="AK102" s="395"/>
      <c r="AL102" s="395"/>
      <c r="AM102" s="395"/>
      <c r="AN102" s="395"/>
      <c r="AO102" s="395"/>
      <c r="AP102" s="395"/>
      <c r="AQ102" s="395"/>
      <c r="AR102" s="395"/>
      <c r="AS102" s="395"/>
      <c r="AT102" s="395"/>
      <c r="AU102" s="395"/>
      <c r="AV102" s="395"/>
      <c r="AW102" s="395"/>
      <c r="AX102" s="395"/>
      <c r="AY102" s="395"/>
      <c r="AZ102" s="395"/>
      <c r="BA102" s="395"/>
      <c r="BB102" s="395"/>
      <c r="BC102" s="395"/>
      <c r="BD102" s="395"/>
      <c r="BE102" s="395"/>
      <c r="BF102" s="395"/>
      <c r="BG102" s="395"/>
      <c r="BH102" s="395"/>
      <c r="BI102" s="395"/>
      <c r="BJ102" s="395"/>
      <c r="BK102" s="395"/>
      <c r="BL102" s="395"/>
      <c r="BM102" s="395"/>
      <c r="BN102" s="395"/>
      <c r="BO102" s="395"/>
      <c r="BP102" s="395"/>
      <c r="BQ102" s="395"/>
      <c r="BR102" s="395"/>
      <c r="BS102" s="395"/>
      <c r="BT102" s="395"/>
      <c r="BU102" s="395"/>
      <c r="BV102" s="395"/>
      <c r="BW102" s="391"/>
      <c r="BX102" s="395"/>
      <c r="BY102" s="395"/>
      <c r="BZ102" s="395"/>
      <c r="CA102" s="395"/>
      <c r="CB102" s="395"/>
      <c r="CC102" s="395"/>
      <c r="CI102" s="396"/>
      <c r="CJ102" s="397"/>
      <c r="CK102" s="396"/>
      <c r="CL102" s="398"/>
      <c r="CM102" s="398"/>
      <c r="CN102" s="398"/>
      <c r="CO102" s="398"/>
      <c r="CP102" s="398"/>
      <c r="CQ102" s="398"/>
      <c r="CR102" s="398"/>
      <c r="CS102" s="399"/>
      <c r="CT102" s="399"/>
      <c r="CU102" s="399"/>
      <c r="CV102" s="399"/>
    </row>
    <row r="103" spans="1:103" s="67" customFormat="1" ht="12">
      <c r="A103" s="390"/>
      <c r="B103" s="391"/>
      <c r="C103" s="808"/>
      <c r="D103" s="391"/>
      <c r="E103" s="391"/>
      <c r="F103" s="391"/>
      <c r="G103" s="392"/>
      <c r="H103" s="392"/>
      <c r="I103" s="392"/>
      <c r="J103" s="393"/>
      <c r="K103" s="393"/>
      <c r="L103" s="394"/>
      <c r="M103" s="394"/>
      <c r="N103" s="394"/>
      <c r="O103" s="394"/>
      <c r="P103" s="394"/>
      <c r="Q103" s="394"/>
      <c r="R103" s="394"/>
      <c r="S103" s="394"/>
      <c r="T103" s="394"/>
      <c r="U103" s="394"/>
      <c r="V103" s="394"/>
      <c r="W103" s="394"/>
      <c r="X103" s="447"/>
      <c r="Y103" s="447"/>
      <c r="Z103" s="447"/>
      <c r="AA103" s="447"/>
      <c r="AB103" s="395"/>
      <c r="AC103" s="395"/>
      <c r="AD103" s="395"/>
      <c r="AE103" s="395"/>
      <c r="AF103" s="395"/>
      <c r="AG103" s="395"/>
      <c r="AH103" s="395"/>
      <c r="AI103" s="395"/>
      <c r="AJ103" s="395"/>
      <c r="AK103" s="395"/>
      <c r="AL103" s="395"/>
      <c r="AM103" s="395"/>
      <c r="AN103" s="395"/>
      <c r="AO103" s="395"/>
      <c r="AP103" s="395"/>
      <c r="AQ103" s="395"/>
      <c r="AR103" s="395"/>
      <c r="AS103" s="395"/>
      <c r="AT103" s="395"/>
      <c r="AU103" s="395"/>
      <c r="AV103" s="395"/>
      <c r="AW103" s="395"/>
      <c r="AX103" s="395"/>
      <c r="AY103" s="395"/>
      <c r="AZ103" s="395"/>
      <c r="BA103" s="395"/>
      <c r="BB103" s="395"/>
      <c r="BC103" s="395"/>
      <c r="BD103" s="395"/>
      <c r="BE103" s="395"/>
      <c r="BF103" s="395"/>
      <c r="BG103" s="395"/>
      <c r="BH103" s="395"/>
      <c r="BI103" s="395"/>
      <c r="BJ103" s="395"/>
      <c r="BK103" s="395"/>
      <c r="BL103" s="395"/>
      <c r="BM103" s="395"/>
      <c r="BN103" s="395"/>
      <c r="BO103" s="395"/>
      <c r="BP103" s="395"/>
      <c r="BQ103" s="395"/>
      <c r="BR103" s="395"/>
      <c r="BS103" s="395"/>
      <c r="BT103" s="395"/>
      <c r="BU103" s="395"/>
      <c r="BV103" s="395"/>
      <c r="BW103" s="391"/>
      <c r="BX103" s="395"/>
      <c r="BY103" s="395"/>
      <c r="BZ103" s="395"/>
      <c r="CA103" s="395"/>
      <c r="CB103" s="395"/>
      <c r="CC103" s="395"/>
      <c r="CI103" s="396"/>
      <c r="CJ103" s="397"/>
      <c r="CK103" s="396"/>
      <c r="CL103" s="398"/>
      <c r="CM103" s="398"/>
      <c r="CN103" s="398"/>
      <c r="CO103" s="398"/>
      <c r="CP103" s="398"/>
      <c r="CQ103" s="398"/>
      <c r="CR103" s="398"/>
      <c r="CS103" s="399"/>
      <c r="CT103" s="399"/>
      <c r="CU103" s="399"/>
      <c r="CV103" s="399"/>
    </row>
    <row r="104" spans="1:103" s="67" customFormat="1" ht="12">
      <c r="A104" s="390"/>
      <c r="B104" s="391"/>
      <c r="C104" s="808"/>
      <c r="D104" s="391"/>
      <c r="E104" s="391"/>
      <c r="F104" s="391"/>
      <c r="G104" s="392"/>
      <c r="H104" s="392"/>
      <c r="I104" s="392"/>
      <c r="J104" s="393"/>
      <c r="K104" s="393"/>
      <c r="L104" s="394"/>
      <c r="M104" s="394"/>
      <c r="N104" s="394"/>
      <c r="O104" s="394"/>
      <c r="P104" s="394"/>
      <c r="Q104" s="394"/>
      <c r="R104" s="394"/>
      <c r="S104" s="394"/>
      <c r="T104" s="394"/>
      <c r="U104" s="394"/>
      <c r="V104" s="394"/>
      <c r="W104" s="394"/>
      <c r="X104" s="447"/>
      <c r="Y104" s="447"/>
      <c r="Z104" s="447"/>
      <c r="AA104" s="447"/>
      <c r="AB104" s="395"/>
      <c r="AC104" s="395"/>
      <c r="AD104" s="395"/>
      <c r="AE104" s="395"/>
      <c r="AF104" s="395"/>
      <c r="AG104" s="395"/>
      <c r="AH104" s="395"/>
      <c r="AI104" s="395"/>
      <c r="AJ104" s="395"/>
      <c r="AK104" s="395"/>
      <c r="AL104" s="395"/>
      <c r="AM104" s="395"/>
      <c r="AN104" s="395"/>
      <c r="AO104" s="395"/>
      <c r="AP104" s="395"/>
      <c r="AQ104" s="395"/>
      <c r="AR104" s="395"/>
      <c r="AS104" s="395"/>
      <c r="AT104" s="395"/>
      <c r="AU104" s="395"/>
      <c r="AV104" s="395"/>
      <c r="AW104" s="395"/>
      <c r="AX104" s="395"/>
      <c r="AY104" s="395"/>
      <c r="AZ104" s="395"/>
      <c r="BA104" s="395"/>
      <c r="BB104" s="395"/>
      <c r="BC104" s="395"/>
      <c r="BD104" s="395"/>
      <c r="BE104" s="395"/>
      <c r="BF104" s="395"/>
      <c r="BG104" s="395"/>
      <c r="BH104" s="395"/>
      <c r="BI104" s="395"/>
      <c r="BJ104" s="395"/>
      <c r="BK104" s="395"/>
      <c r="BL104" s="395"/>
      <c r="BM104" s="395"/>
      <c r="BN104" s="395"/>
      <c r="BO104" s="395"/>
      <c r="BP104" s="395"/>
      <c r="BQ104" s="395"/>
      <c r="BR104" s="395"/>
      <c r="BS104" s="395"/>
      <c r="BT104" s="395"/>
      <c r="BU104" s="395"/>
      <c r="BV104" s="395"/>
      <c r="BW104" s="391"/>
      <c r="BX104" s="395"/>
      <c r="BY104" s="395"/>
      <c r="BZ104" s="395"/>
      <c r="CA104" s="395"/>
      <c r="CB104" s="395"/>
      <c r="CC104" s="395"/>
      <c r="CI104" s="396"/>
      <c r="CJ104" s="397"/>
      <c r="CK104" s="396"/>
      <c r="CL104" s="398"/>
      <c r="CM104" s="398"/>
      <c r="CN104" s="398"/>
      <c r="CO104" s="398"/>
      <c r="CP104" s="398"/>
      <c r="CQ104" s="398"/>
      <c r="CR104" s="398"/>
      <c r="CS104" s="399"/>
      <c r="CT104" s="399"/>
      <c r="CU104" s="399"/>
      <c r="CV104" s="399"/>
    </row>
    <row r="105" spans="1:103" s="67" customFormat="1" ht="12">
      <c r="A105" s="390"/>
      <c r="B105" s="391"/>
      <c r="C105" s="808"/>
      <c r="D105" s="391"/>
      <c r="E105" s="391"/>
      <c r="F105" s="391"/>
      <c r="G105" s="392"/>
      <c r="H105" s="392"/>
      <c r="I105" s="392"/>
      <c r="J105" s="393"/>
      <c r="K105" s="393"/>
      <c r="L105" s="394"/>
      <c r="M105" s="394"/>
      <c r="N105" s="394"/>
      <c r="O105" s="394"/>
      <c r="P105" s="394"/>
      <c r="Q105" s="394"/>
      <c r="R105" s="394"/>
      <c r="S105" s="394"/>
      <c r="T105" s="394"/>
      <c r="U105" s="394"/>
      <c r="V105" s="394"/>
      <c r="W105" s="394"/>
      <c r="X105" s="447"/>
      <c r="Y105" s="447"/>
      <c r="Z105" s="447"/>
      <c r="AA105" s="447"/>
      <c r="AB105" s="395"/>
      <c r="AC105" s="395"/>
      <c r="AD105" s="395"/>
      <c r="AE105" s="395"/>
      <c r="AF105" s="395"/>
      <c r="AG105" s="395"/>
      <c r="AH105" s="395"/>
      <c r="AI105" s="395"/>
      <c r="AJ105" s="395"/>
      <c r="AK105" s="395"/>
      <c r="AL105" s="395"/>
      <c r="AM105" s="395"/>
      <c r="AN105" s="395"/>
      <c r="AO105" s="395"/>
      <c r="AP105" s="395"/>
      <c r="AQ105" s="395"/>
      <c r="AR105" s="395"/>
      <c r="AS105" s="395"/>
      <c r="AT105" s="395"/>
      <c r="AU105" s="395"/>
      <c r="AV105" s="395"/>
      <c r="AW105" s="395"/>
      <c r="AX105" s="395"/>
      <c r="AY105" s="395"/>
      <c r="AZ105" s="395"/>
      <c r="BA105" s="395"/>
      <c r="BB105" s="395"/>
      <c r="BC105" s="395"/>
      <c r="BD105" s="395"/>
      <c r="BE105" s="395"/>
      <c r="BF105" s="395"/>
      <c r="BG105" s="395"/>
      <c r="BH105" s="395"/>
      <c r="BI105" s="395"/>
      <c r="BJ105" s="395"/>
      <c r="BK105" s="395"/>
      <c r="BL105" s="395"/>
      <c r="BM105" s="395"/>
      <c r="BN105" s="395"/>
      <c r="BO105" s="395"/>
      <c r="BP105" s="395"/>
      <c r="BQ105" s="395"/>
      <c r="BR105" s="395"/>
      <c r="BS105" s="395"/>
      <c r="BT105" s="395"/>
      <c r="BU105" s="395"/>
      <c r="BV105" s="395"/>
      <c r="BW105" s="391"/>
      <c r="BX105" s="395"/>
      <c r="BY105" s="395"/>
      <c r="BZ105" s="395"/>
      <c r="CA105" s="395"/>
      <c r="CB105" s="395"/>
      <c r="CC105" s="395"/>
      <c r="CI105" s="396"/>
      <c r="CJ105" s="397"/>
      <c r="CK105" s="396"/>
      <c r="CL105" s="398"/>
      <c r="CM105" s="398"/>
      <c r="CN105" s="398"/>
      <c r="CO105" s="398"/>
      <c r="CP105" s="398"/>
      <c r="CQ105" s="398"/>
      <c r="CR105" s="398"/>
      <c r="CS105" s="399"/>
      <c r="CT105" s="399"/>
      <c r="CU105" s="399"/>
      <c r="CV105" s="399"/>
    </row>
  </sheetData>
  <sheetProtection insertRows="0"/>
  <customSheetViews>
    <customSheetView guid="{96F83B05-D121-40EB-85BB-212F4250A2EA}" scale="70" showPageBreaks="1" fitToPage="1" printArea="1" view="pageBreakPreview" topLeftCell="A10">
      <selection activeCell="D11" sqref="D11"/>
      <pageMargins left="0.39370078740157483" right="0.39370078740157483" top="0.59055118110236227" bottom="0.78740157480314965" header="0.51181102362204722" footer="0.51181102362204722"/>
      <pageSetup paperSize="8" scale="47" fitToHeight="0" orientation="landscape" horizontalDpi="300" verticalDpi="300" r:id="rId1"/>
      <headerFooter alignWithMargins="0"/>
    </customSheetView>
    <customSheetView guid="{0199004E-6640-4BE5-B2D5-6A0A715378D4}" showPageBreaks="1" fitToPage="1" printArea="1" view="pageBreakPreview">
      <pageMargins left="0.39370078740157483" right="0.39370078740157483" top="0.59055118110236227" bottom="0.78740157480314965" header="0.51181102362204722" footer="0.51181102362204722"/>
      <pageSetup paperSize="8" scale="92" fitToHeight="0" orientation="landscape" horizontalDpi="300" verticalDpi="300" r:id="rId2"/>
      <headerFooter alignWithMargins="0"/>
    </customSheetView>
  </customSheetViews>
  <mergeCells count="31">
    <mergeCell ref="CW12:CY12"/>
    <mergeCell ref="CW13:CW14"/>
    <mergeCell ref="CY13:CY14"/>
    <mergeCell ref="AB11:CY11"/>
    <mergeCell ref="CI1:CK1"/>
    <mergeCell ref="CD13:CD14"/>
    <mergeCell ref="CI13:CI14"/>
    <mergeCell ref="CT13:CV13"/>
    <mergeCell ref="CW1:CY1"/>
    <mergeCell ref="CX13:CX14"/>
    <mergeCell ref="CK13:CK14"/>
    <mergeCell ref="AB12:BW13"/>
    <mergeCell ref="CL13:CS13"/>
    <mergeCell ref="CL12:CV12"/>
    <mergeCell ref="CE13:CH13"/>
    <mergeCell ref="BX12:CK12"/>
    <mergeCell ref="G5:J5"/>
    <mergeCell ref="Y13:Z13"/>
    <mergeCell ref="L12:N13"/>
    <mergeCell ref="G12:H13"/>
    <mergeCell ref="O12:V12"/>
    <mergeCell ref="P13:V13"/>
    <mergeCell ref="A12:A14"/>
    <mergeCell ref="D12:F13"/>
    <mergeCell ref="I12:K13"/>
    <mergeCell ref="B12:C13"/>
    <mergeCell ref="CJ13:CJ14"/>
    <mergeCell ref="BX13:CC13"/>
    <mergeCell ref="W13:X13"/>
    <mergeCell ref="W12:AA12"/>
    <mergeCell ref="AA13:AA14"/>
  </mergeCells>
  <phoneticPr fontId="7"/>
  <dataValidations xWindow="1101" yWindow="624" count="20">
    <dataValidation type="decimal" operator="greaterThanOrEqual" allowBlank="1" showInputMessage="1" showErrorMessage="1" sqref="G21:H100 G106:I65538" xr:uid="{00000000-0002-0000-0500-000000000000}">
      <formula1>0</formula1>
    </dataValidation>
    <dataValidation type="list" allowBlank="1" showInputMessage="1" showErrorMessage="1" sqref="J10" xr:uid="{00000000-0002-0000-0500-000001000000}">
      <formula1>"該当なし"</formula1>
    </dataValidation>
    <dataValidation allowBlank="1" showInputMessage="1" showErrorMessage="1" prompt="契約事業者名を記入してください。" sqref="BW21:BW100" xr:uid="{00000000-0002-0000-0500-000002000000}"/>
    <dataValidation type="list" allowBlank="1" showInputMessage="1" showErrorMessage="1" prompt="契約事業者に◎_x000a_その他の入札参加事業者に○_x000a_裾切りにより入札に参加できなかった者に×" sqref="AB21:BV100" xr:uid="{00000000-0002-0000-0500-000003000000}">
      <formula1>"○,◎,×"</formula1>
    </dataValidation>
    <dataValidation type="list" allowBlank="1" showInputMessage="1" showErrorMessage="1" sqref="Y15:Y100 CW15:CW100 CE15:CH20 CL15:CR100 N15:W100" xr:uid="{00000000-0002-0000-0500-000004000000}">
      <formula1>"○"</formula1>
    </dataValidation>
    <dataValidation allowBlank="1" showInputMessage="1" showErrorMessage="1" prompt="「電力供給会社が３者に満たない」及び「少額随契」以外の理由がある場合は、その理由を記入してください。" sqref="CS21:CS100" xr:uid="{00000000-0002-0000-0500-000005000000}"/>
    <dataValidation type="list" allowBlank="1" showInputMessage="1" showErrorMessage="1" prompt="施設がある地域の旧一般電気事業者を選択。" sqref="D21:D100" xr:uid="{00000000-0002-0000-0500-000006000000}">
      <formula1>"北海道電力,東北電力,東京電力,中部電力,北陸電力,関西電力,中国電力,四国電力,九州電力,沖縄電力"</formula1>
    </dataValidation>
    <dataValidation type="list" allowBlank="1" showInputMessage="1" showErrorMessage="1" prompt="情報の開示方法として該当する項目に ○" sqref="CE21:CH100" xr:uid="{00000000-0002-0000-0500-000007000000}">
      <formula1>"○"</formula1>
    </dataValidation>
    <dataValidation type="whole" operator="greaterThanOrEqual" allowBlank="1" showInputMessage="1" showErrorMessage="1" promptTitle="複数年契約の場合は「複数年」、単年契約の場合は「単年」" sqref="J15:J100" xr:uid="{00000000-0002-0000-0500-000008000000}">
      <formula1>0</formula1>
    </dataValidation>
    <dataValidation allowBlank="1" showInputMessage="1" showErrorMessage="1" prompt="「今後の見通し」で「実施困難」を選択した場合に、その具体的な理由を記入してください。" sqref="CV21:CV100" xr:uid="{00000000-0002-0000-0500-000009000000}"/>
    <dataValidation allowBlank="1" showInputMessage="1" showErrorMessage="1" prompt="小数点以下第４位を切り捨て、小数点以下第３位まで記入してください。" sqref="CI21:CI100" xr:uid="{00000000-0002-0000-0500-00000A000000}"/>
    <dataValidation allowBlank="1" showInputMessage="1" showErrorMessage="1" prompt="小数点以下第２位を切り捨て、小数点以下第１位まで記入してください。" sqref="CJ21:CJ100" xr:uid="{00000000-0002-0000-0500-00000B000000}"/>
    <dataValidation allowBlank="1" showInputMessage="1" showErrorMessage="1" prompt="二酸化炭素排出係数以外の評価項目について〇印をつけてください。" sqref="CC101:CC65538 CC1:CC2 CC7:CC10 CC12:CC14" xr:uid="{00000000-0002-0000-0500-00000C000000}"/>
    <dataValidation allowBlank="1" showInputMessage="1" showErrorMessage="1" prompt="「その他」の内容を具体的に記述してください。" sqref="CC15:CC100" xr:uid="{00000000-0002-0000-0500-00000D000000}"/>
    <dataValidation type="list" allowBlank="1" showInputMessage="1" showErrorMessage="1" sqref="CX15:CX100" xr:uid="{00000000-0002-0000-0500-00000E000000}">
      <formula1>"実施予定,検討中,未検討,実施困難"</formula1>
    </dataValidation>
    <dataValidation type="list" allowBlank="1" showInputMessage="1" showErrorMessage="1" sqref="X15:X100" xr:uid="{00000000-0002-0000-0500-00000F000000}">
      <formula1>"5%,10%,15%,20%,25%,30%,35%,40%,45%,50%,55%,60%,65%,70%,75%,80%,85%,90%,95%,100%"</formula1>
    </dataValidation>
    <dataValidation type="list" allowBlank="1" showInputMessage="1" showErrorMessage="1" prompt="二酸化炭素排出係数以外の評価項目について〇印をつけてください。" sqref="BX15:CB100" xr:uid="{00000000-0002-0000-0500-000010000000}">
      <formula1>"〇"</formula1>
    </dataValidation>
    <dataValidation type="list" allowBlank="1" showInputMessage="1" showErrorMessage="1" sqref="CT15:CT100" xr:uid="{00000000-0002-0000-0500-000011000000}">
      <formula1>"令和６年度分から実施済み,令和６年度分から実施予定,令和７年度分から実施予定,長期契約終了後に検討又は実施予定,実施時期を検討中,実施困難"</formula1>
    </dataValidation>
    <dataValidation type="list" allowBlank="1" showInputMessage="1" showErrorMessage="1" sqref="L15:L100" xr:uid="{00000000-0002-0000-0500-000012000000}">
      <formula1>"A,B,C,D,E"</formula1>
    </dataValidation>
    <dataValidation type="decimal" allowBlank="1" showInputMessage="1" showErrorMessage="1" sqref="AA15:AA100" xr:uid="{13F5B0ED-6B76-4F41-860F-5450B29B0793}">
      <formula1>0</formula1>
      <formula2>100</formula2>
    </dataValidation>
  </dataValidations>
  <pageMargins left="0.39370078740157483" right="0.39370078740157483" top="0.59055118110236227" bottom="0.78740157480314965" header="0.51181102362204722" footer="0.51181102362204722"/>
  <pageSetup paperSize="8" scale="31" fitToHeight="0" orientation="landscape" horizontalDpi="300" verticalDpi="300" r:id="rId3"/>
  <headerFooter alignWithMargins="0"/>
  <drawing r:id="rId4"/>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5">
    <pageSetUpPr fitToPage="1"/>
  </sheetPr>
  <dimension ref="A1:CZ105"/>
  <sheetViews>
    <sheetView view="pageBreakPreview" zoomScale="90" zoomScaleNormal="100" zoomScaleSheetLayoutView="90" workbookViewId="0"/>
  </sheetViews>
  <sheetFormatPr defaultRowHeight="13.2"/>
  <cols>
    <col min="1" max="1" width="4.6640625" customWidth="1"/>
    <col min="2" max="2" width="20.88671875" customWidth="1"/>
    <col min="3" max="3" width="12.77734375" style="811" customWidth="1"/>
    <col min="4" max="4" width="10" bestFit="1" customWidth="1"/>
    <col min="5" max="5" width="10" customWidth="1"/>
    <col min="6" max="6" width="23.88671875" customWidth="1"/>
    <col min="7" max="7" width="10" customWidth="1"/>
    <col min="8" max="9" width="11.109375" style="56" customWidth="1"/>
    <col min="10" max="10" width="12.88671875" style="56" customWidth="1"/>
    <col min="11" max="11" width="9.44140625" style="56" customWidth="1"/>
    <col min="12" max="12" width="6.44140625" style="56" customWidth="1"/>
    <col min="13" max="13" width="23.33203125" customWidth="1"/>
    <col min="14" max="14" width="3.33203125" bestFit="1" customWidth="1"/>
    <col min="15" max="15" width="2.88671875" bestFit="1" customWidth="1"/>
    <col min="16" max="16" width="12.109375" customWidth="1"/>
    <col min="17" max="23" width="3.77734375" customWidth="1"/>
    <col min="24" max="25" width="5.44140625" style="1" bestFit="1" customWidth="1"/>
    <col min="26" max="26" width="5.44140625" style="502" bestFit="1" customWidth="1"/>
    <col min="27" max="27" width="14.77734375" style="502" customWidth="1"/>
    <col min="28" max="28" width="6.109375" style="502" customWidth="1"/>
    <col min="29" max="58" width="3.33203125" customWidth="1"/>
    <col min="59" max="75" width="3.33203125" style="98" customWidth="1"/>
    <col min="76" max="76" width="18.88671875" style="98" customWidth="1"/>
    <col min="77" max="81" width="3.88671875" customWidth="1"/>
    <col min="82" max="82" width="12.6640625" customWidth="1"/>
    <col min="83" max="83" width="16.44140625" customWidth="1"/>
    <col min="84" max="87" width="5.109375" customWidth="1"/>
    <col min="88" max="88" width="6.44140625" style="377" customWidth="1"/>
    <col min="89" max="90" width="6.44140625" style="381" customWidth="1"/>
    <col min="91" max="97" width="7.88671875" style="98" customWidth="1"/>
    <col min="98" max="98" width="23.44140625" style="98" customWidth="1"/>
    <col min="99" max="99" width="19.88671875" style="98" customWidth="1"/>
    <col min="100" max="100" width="27.88671875" customWidth="1"/>
    <col min="101" max="101" width="24.88671875" customWidth="1"/>
    <col min="102" max="104" width="8.88671875" customWidth="1"/>
  </cols>
  <sheetData>
    <row r="1" spans="1:104" s="3" customFormat="1" ht="20.100000000000001" customHeight="1" thickBot="1">
      <c r="C1" s="809"/>
      <c r="H1" s="55"/>
      <c r="I1" s="55"/>
      <c r="J1" s="55"/>
      <c r="K1" s="55"/>
      <c r="L1" s="55"/>
      <c r="X1" s="1"/>
      <c r="Y1" s="1"/>
      <c r="Z1" s="502"/>
      <c r="AA1" s="502"/>
      <c r="AB1" s="502"/>
      <c r="BF1" s="98"/>
      <c r="BG1" s="98"/>
      <c r="BH1" s="98"/>
      <c r="BI1" s="98"/>
      <c r="BJ1" s="98"/>
      <c r="BK1" s="98"/>
      <c r="BL1" s="98"/>
      <c r="BM1" s="98"/>
      <c r="BN1" s="98"/>
      <c r="BO1" s="98"/>
      <c r="BP1" s="98"/>
      <c r="BQ1" s="98"/>
      <c r="BR1" s="98"/>
      <c r="BS1" s="98"/>
      <c r="BT1" s="98"/>
      <c r="BU1" s="98"/>
      <c r="BV1" s="98"/>
      <c r="BW1" s="98"/>
      <c r="BX1" s="98"/>
      <c r="CJ1" s="364"/>
      <c r="CK1" s="364"/>
      <c r="CL1" s="364"/>
      <c r="CM1" s="98"/>
      <c r="CN1" s="98"/>
      <c r="CO1" s="98"/>
      <c r="CP1" s="98"/>
      <c r="CQ1" s="98"/>
      <c r="CR1" s="98"/>
      <c r="CS1" s="98"/>
      <c r="CT1" s="98"/>
      <c r="CU1" s="98"/>
      <c r="CV1" s="364"/>
      <c r="CW1"/>
      <c r="CX1" s="927" t="s">
        <v>419</v>
      </c>
      <c r="CY1" s="928"/>
      <c r="CZ1" s="929"/>
    </row>
    <row r="2" spans="1:104" s="3" customFormat="1" ht="12" customHeight="1">
      <c r="C2" s="809"/>
      <c r="H2" s="55"/>
      <c r="I2" s="55"/>
      <c r="J2" s="55"/>
      <c r="K2" s="55"/>
      <c r="L2" s="55"/>
      <c r="X2" s="1"/>
      <c r="Y2" s="1"/>
      <c r="Z2" s="502"/>
      <c r="AA2" s="502"/>
      <c r="AB2" s="502"/>
      <c r="BG2" s="98"/>
      <c r="BH2" s="98"/>
      <c r="BI2" s="98"/>
      <c r="BJ2" s="98"/>
      <c r="BK2" s="98"/>
      <c r="BL2" s="98"/>
      <c r="BM2" s="98"/>
      <c r="BN2" s="98"/>
      <c r="BO2" s="98"/>
      <c r="BP2" s="98"/>
      <c r="BQ2" s="98"/>
      <c r="BR2" s="98"/>
      <c r="BS2" s="98"/>
      <c r="BT2" s="98"/>
      <c r="BU2" s="98"/>
      <c r="BV2" s="98"/>
      <c r="BW2" s="98"/>
      <c r="BX2" s="98"/>
      <c r="CJ2" s="376"/>
      <c r="CK2" s="380"/>
      <c r="CL2" s="380"/>
      <c r="CM2" s="98"/>
      <c r="CN2" s="98"/>
      <c r="CO2" s="98"/>
      <c r="CP2" s="98"/>
      <c r="CQ2" s="98"/>
      <c r="CR2" s="98"/>
      <c r="CS2" s="98"/>
      <c r="CT2" s="98"/>
      <c r="CU2" s="98"/>
    </row>
    <row r="3" spans="1:104" ht="23.4">
      <c r="A3" s="184" t="s">
        <v>1236</v>
      </c>
      <c r="B3" s="68"/>
      <c r="C3" s="810"/>
      <c r="D3" s="68"/>
      <c r="E3" s="68"/>
      <c r="F3" s="68"/>
      <c r="G3" s="68"/>
      <c r="H3" s="69"/>
      <c r="I3" s="69"/>
      <c r="J3" s="69"/>
      <c r="K3" s="69"/>
      <c r="L3" s="69"/>
      <c r="M3" s="68"/>
      <c r="N3" s="68"/>
      <c r="O3" s="68"/>
      <c r="P3" s="68"/>
      <c r="Q3" s="68"/>
      <c r="R3" s="68"/>
      <c r="S3" s="68"/>
      <c r="T3" s="68"/>
      <c r="U3" s="68"/>
      <c r="V3" s="68"/>
      <c r="W3" s="68"/>
      <c r="AC3" s="68"/>
      <c r="AD3" s="68"/>
      <c r="AE3" s="68"/>
      <c r="AF3" s="68"/>
      <c r="AG3" s="68"/>
      <c r="AH3" s="68"/>
      <c r="AI3" s="68"/>
      <c r="AJ3" s="68"/>
      <c r="AK3" s="68"/>
      <c r="AL3" s="68"/>
      <c r="AM3" s="68"/>
      <c r="AN3" s="68"/>
      <c r="AO3" s="68"/>
      <c r="AP3" s="68"/>
      <c r="AQ3" s="68"/>
      <c r="AR3" s="68"/>
      <c r="AS3" s="68"/>
      <c r="AT3" s="68"/>
      <c r="AU3" s="68"/>
      <c r="AV3" s="68"/>
      <c r="AW3" s="68"/>
      <c r="AX3" s="68"/>
      <c r="AY3" s="68"/>
      <c r="AZ3" s="68"/>
      <c r="BA3" s="68"/>
      <c r="BB3" s="68"/>
      <c r="BC3" s="68"/>
      <c r="BD3" s="68"/>
      <c r="BE3" s="68"/>
      <c r="BF3" s="68"/>
      <c r="BY3" s="1"/>
      <c r="BZ3" s="68"/>
      <c r="CA3" s="68"/>
      <c r="CB3" s="68"/>
      <c r="CC3" s="68"/>
      <c r="CD3" s="1"/>
    </row>
    <row r="5" spans="1:104" ht="13.8" thickBot="1">
      <c r="E5" t="s">
        <v>91</v>
      </c>
      <c r="F5" s="190"/>
      <c r="G5" s="190"/>
      <c r="H5" s="904" t="str">
        <f>【調達機関情報】!D69</f>
        <v>　</v>
      </c>
      <c r="I5" s="904"/>
      <c r="J5" s="904"/>
      <c r="K5" s="904"/>
      <c r="L5" s="412"/>
      <c r="X5"/>
      <c r="Y5"/>
      <c r="Z5" s="503"/>
      <c r="AA5" s="503"/>
      <c r="AB5" s="503"/>
      <c r="AR5" s="68"/>
      <c r="AS5" s="68"/>
      <c r="AT5" s="68"/>
      <c r="AU5" s="68"/>
      <c r="AV5" s="68"/>
      <c r="AW5" s="68"/>
      <c r="AX5" s="68"/>
      <c r="AY5" s="68"/>
      <c r="AZ5" s="68"/>
      <c r="BA5" s="68"/>
      <c r="BB5" s="68"/>
      <c r="BC5" s="68"/>
      <c r="BD5" s="68"/>
      <c r="BE5" s="68"/>
      <c r="BF5" s="68"/>
      <c r="CW5" s="98"/>
      <c r="CX5" s="98"/>
      <c r="CY5" s="98"/>
    </row>
    <row r="6" spans="1:104">
      <c r="H6" s="412"/>
      <c r="I6" s="412"/>
      <c r="J6" s="412"/>
      <c r="K6" s="412"/>
      <c r="L6" s="412"/>
      <c r="AR6" s="68"/>
      <c r="AS6" s="68"/>
      <c r="AT6" s="68"/>
      <c r="AU6" s="68"/>
      <c r="AV6" s="68"/>
      <c r="AW6" s="68"/>
      <c r="AX6" s="68"/>
      <c r="AY6" s="68"/>
      <c r="AZ6" s="68"/>
      <c r="BA6" s="68"/>
      <c r="BB6" s="68"/>
      <c r="BC6" s="68"/>
      <c r="BD6" s="68"/>
      <c r="BE6" s="68"/>
      <c r="BF6" s="68"/>
      <c r="CW6" s="98"/>
      <c r="CX6" s="98"/>
      <c r="CY6" s="98"/>
    </row>
    <row r="7" spans="1:104">
      <c r="A7" s="443" t="s">
        <v>615</v>
      </c>
      <c r="B7" s="206"/>
      <c r="C7" s="812"/>
      <c r="G7" s="56"/>
      <c r="K7" s="1"/>
      <c r="L7" s="1"/>
      <c r="BG7"/>
      <c r="BH7"/>
      <c r="BI7"/>
      <c r="BJ7"/>
      <c r="BK7"/>
      <c r="BL7"/>
      <c r="BM7"/>
      <c r="BN7"/>
      <c r="BO7"/>
      <c r="BP7"/>
      <c r="BQ7"/>
      <c r="BR7"/>
      <c r="BS7"/>
      <c r="BT7"/>
      <c r="BU7"/>
      <c r="BV7"/>
      <c r="BW7"/>
      <c r="BX7"/>
      <c r="CI7" s="377"/>
      <c r="CJ7" s="381"/>
      <c r="CK7" s="377"/>
      <c r="CL7" s="98"/>
      <c r="CN7"/>
      <c r="CO7"/>
      <c r="CP7"/>
      <c r="CQ7"/>
      <c r="CR7"/>
      <c r="CS7"/>
      <c r="CT7"/>
      <c r="CU7"/>
    </row>
    <row r="8" spans="1:104">
      <c r="A8" s="466" t="s">
        <v>664</v>
      </c>
      <c r="B8" s="206"/>
      <c r="C8" s="812"/>
      <c r="G8" s="56"/>
      <c r="K8" s="1"/>
      <c r="L8" s="1"/>
      <c r="BG8"/>
      <c r="BH8"/>
      <c r="BI8"/>
      <c r="BJ8"/>
      <c r="BK8"/>
      <c r="BL8"/>
      <c r="BM8"/>
      <c r="BN8"/>
      <c r="BO8"/>
      <c r="BP8"/>
      <c r="BQ8"/>
      <c r="BR8"/>
      <c r="BS8"/>
      <c r="BT8"/>
      <c r="BU8"/>
      <c r="BV8"/>
      <c r="BW8"/>
      <c r="BX8"/>
      <c r="CI8" s="377"/>
      <c r="CJ8" s="381"/>
      <c r="CK8" s="377"/>
      <c r="CL8" s="98"/>
      <c r="CN8"/>
      <c r="CO8"/>
      <c r="CP8"/>
      <c r="CQ8"/>
      <c r="CR8"/>
      <c r="CS8"/>
      <c r="CT8"/>
      <c r="CU8"/>
    </row>
    <row r="9" spans="1:104">
      <c r="A9" s="444" t="s">
        <v>614</v>
      </c>
      <c r="B9" s="206"/>
      <c r="C9" s="812"/>
    </row>
    <row r="10" spans="1:104" ht="19.350000000000001" customHeight="1">
      <c r="A10" s="413"/>
      <c r="B10" s="206"/>
      <c r="C10" s="812"/>
    </row>
    <row r="11" spans="1:104" ht="16.350000000000001" customHeight="1">
      <c r="A11" s="210"/>
      <c r="B11" s="415" t="s">
        <v>535</v>
      </c>
      <c r="C11" s="813"/>
      <c r="J11" s="365"/>
      <c r="M11" s="1"/>
      <c r="N11" s="1"/>
      <c r="O11" s="1"/>
      <c r="P11" s="1"/>
      <c r="Q11" s="1"/>
      <c r="R11" s="1"/>
      <c r="S11" s="1"/>
      <c r="T11" s="1"/>
      <c r="U11" s="1"/>
      <c r="V11" s="1"/>
      <c r="W11" s="1"/>
      <c r="BG11"/>
      <c r="BH11"/>
      <c r="BI11"/>
      <c r="BJ11"/>
      <c r="BK11"/>
      <c r="BL11"/>
      <c r="BM11"/>
      <c r="BN11"/>
      <c r="BO11"/>
      <c r="BP11"/>
      <c r="BQ11"/>
      <c r="BR11"/>
      <c r="BS11"/>
      <c r="BT11"/>
      <c r="BU11"/>
      <c r="BV11"/>
      <c r="BW11"/>
      <c r="BX11"/>
    </row>
    <row r="12" spans="1:104" ht="30.6" customHeight="1">
      <c r="A12" s="210"/>
      <c r="B12" s="206"/>
      <c r="C12" s="812"/>
      <c r="M12" s="1"/>
      <c r="N12" s="1"/>
      <c r="O12" s="1"/>
      <c r="P12" s="1"/>
      <c r="Q12" s="1"/>
      <c r="R12" s="1"/>
      <c r="S12" s="1"/>
      <c r="T12" s="1"/>
      <c r="U12" s="1"/>
      <c r="V12" s="1"/>
      <c r="W12" s="1"/>
      <c r="AC12" s="936" t="s">
        <v>489</v>
      </c>
      <c r="AD12" s="937"/>
      <c r="AE12" s="937"/>
      <c r="AF12" s="937"/>
      <c r="AG12" s="937"/>
      <c r="AH12" s="937"/>
      <c r="AI12" s="937"/>
      <c r="AJ12" s="937"/>
      <c r="AK12" s="937"/>
      <c r="AL12" s="937"/>
      <c r="AM12" s="937"/>
      <c r="AN12" s="937"/>
      <c r="AO12" s="937"/>
      <c r="AP12" s="937"/>
      <c r="AQ12" s="937"/>
      <c r="AR12" s="937"/>
      <c r="AS12" s="937"/>
      <c r="AT12" s="937"/>
      <c r="AU12" s="937"/>
      <c r="AV12" s="937"/>
      <c r="AW12" s="937"/>
      <c r="AX12" s="937"/>
      <c r="AY12" s="937"/>
      <c r="AZ12" s="937"/>
      <c r="BA12" s="937"/>
      <c r="BB12" s="937"/>
      <c r="BC12" s="937"/>
      <c r="BD12" s="937"/>
      <c r="BE12" s="937"/>
      <c r="BF12" s="937"/>
      <c r="BG12" s="937"/>
      <c r="BH12" s="937"/>
      <c r="BI12" s="937"/>
      <c r="BJ12" s="937"/>
      <c r="BK12" s="937"/>
      <c r="BL12" s="937"/>
      <c r="BM12" s="937"/>
      <c r="BN12" s="937"/>
      <c r="BO12" s="937"/>
      <c r="BP12" s="937"/>
      <c r="BQ12" s="937"/>
      <c r="BR12" s="937"/>
      <c r="BS12" s="937"/>
      <c r="BT12" s="937"/>
      <c r="BU12" s="937"/>
      <c r="BV12" s="937"/>
      <c r="BW12" s="937"/>
      <c r="BX12" s="937"/>
      <c r="BY12" s="937"/>
      <c r="BZ12" s="937"/>
      <c r="CA12" s="937"/>
      <c r="CB12" s="937"/>
      <c r="CC12" s="937"/>
      <c r="CD12" s="937"/>
      <c r="CE12" s="937"/>
      <c r="CF12" s="937"/>
      <c r="CG12" s="937"/>
      <c r="CH12" s="937"/>
      <c r="CI12" s="937"/>
      <c r="CJ12" s="937"/>
      <c r="CK12" s="937"/>
      <c r="CL12" s="937"/>
      <c r="CM12" s="937"/>
      <c r="CN12" s="937"/>
      <c r="CO12" s="937"/>
      <c r="CP12" s="937"/>
      <c r="CQ12" s="937"/>
      <c r="CR12" s="937"/>
      <c r="CS12" s="937"/>
      <c r="CT12" s="937"/>
      <c r="CU12" s="937"/>
      <c r="CV12" s="937"/>
      <c r="CW12" s="937"/>
      <c r="CX12" s="937"/>
      <c r="CY12" s="937"/>
      <c r="CZ12" s="938"/>
    </row>
    <row r="13" spans="1:104" ht="52.5" customHeight="1">
      <c r="A13" s="878" t="s">
        <v>90</v>
      </c>
      <c r="B13" s="891" t="s">
        <v>1252</v>
      </c>
      <c r="C13" s="892"/>
      <c r="D13" s="879" t="s">
        <v>481</v>
      </c>
      <c r="E13" s="880"/>
      <c r="F13" s="881"/>
      <c r="G13" s="962" t="s">
        <v>445</v>
      </c>
      <c r="H13" s="885" t="s">
        <v>1254</v>
      </c>
      <c r="I13" s="887"/>
      <c r="J13" s="885" t="s">
        <v>463</v>
      </c>
      <c r="K13" s="886"/>
      <c r="L13" s="887"/>
      <c r="M13" s="906" t="s">
        <v>1256</v>
      </c>
      <c r="N13" s="907"/>
      <c r="O13" s="908"/>
      <c r="P13" s="912" t="s">
        <v>1286</v>
      </c>
      <c r="Q13" s="913"/>
      <c r="R13" s="913"/>
      <c r="S13" s="913"/>
      <c r="T13" s="913"/>
      <c r="U13" s="913"/>
      <c r="V13" s="913"/>
      <c r="W13" s="914"/>
      <c r="X13" s="899" t="s">
        <v>765</v>
      </c>
      <c r="Y13" s="900"/>
      <c r="Z13" s="900"/>
      <c r="AA13" s="900"/>
      <c r="AB13" s="901"/>
      <c r="AC13" s="943" t="s">
        <v>518</v>
      </c>
      <c r="AD13" s="944"/>
      <c r="AE13" s="944"/>
      <c r="AF13" s="944"/>
      <c r="AG13" s="944"/>
      <c r="AH13" s="944"/>
      <c r="AI13" s="944"/>
      <c r="AJ13" s="944"/>
      <c r="AK13" s="944"/>
      <c r="AL13" s="944"/>
      <c r="AM13" s="944"/>
      <c r="AN13" s="944"/>
      <c r="AO13" s="944"/>
      <c r="AP13" s="944"/>
      <c r="AQ13" s="944"/>
      <c r="AR13" s="944"/>
      <c r="AS13" s="944"/>
      <c r="AT13" s="944"/>
      <c r="AU13" s="944"/>
      <c r="AV13" s="944"/>
      <c r="AW13" s="944"/>
      <c r="AX13" s="944"/>
      <c r="AY13" s="944"/>
      <c r="AZ13" s="944"/>
      <c r="BA13" s="944"/>
      <c r="BB13" s="944"/>
      <c r="BC13" s="944"/>
      <c r="BD13" s="944"/>
      <c r="BE13" s="944"/>
      <c r="BF13" s="944"/>
      <c r="BG13" s="944"/>
      <c r="BH13" s="944"/>
      <c r="BI13" s="944"/>
      <c r="BJ13" s="944"/>
      <c r="BK13" s="944"/>
      <c r="BL13" s="944"/>
      <c r="BM13" s="944"/>
      <c r="BN13" s="944"/>
      <c r="BO13" s="944"/>
      <c r="BP13" s="944"/>
      <c r="BQ13" s="944"/>
      <c r="BR13" s="944"/>
      <c r="BS13" s="944"/>
      <c r="BT13" s="944"/>
      <c r="BU13" s="944"/>
      <c r="BV13" s="944"/>
      <c r="BW13" s="944"/>
      <c r="BX13" s="945"/>
      <c r="BY13" s="952" t="s">
        <v>519</v>
      </c>
      <c r="BZ13" s="953"/>
      <c r="CA13" s="953"/>
      <c r="CB13" s="953"/>
      <c r="CC13" s="953"/>
      <c r="CD13" s="953"/>
      <c r="CE13" s="953"/>
      <c r="CF13" s="953"/>
      <c r="CG13" s="953"/>
      <c r="CH13" s="953"/>
      <c r="CI13" s="953"/>
      <c r="CJ13" s="953"/>
      <c r="CK13" s="953"/>
      <c r="CL13" s="954"/>
      <c r="CM13" s="952" t="s">
        <v>646</v>
      </c>
      <c r="CN13" s="915"/>
      <c r="CO13" s="915"/>
      <c r="CP13" s="915"/>
      <c r="CQ13" s="915"/>
      <c r="CR13" s="915"/>
      <c r="CS13" s="915"/>
      <c r="CT13" s="915"/>
      <c r="CU13" s="915"/>
      <c r="CV13" s="915"/>
      <c r="CW13" s="915"/>
      <c r="CX13" s="939" t="s">
        <v>651</v>
      </c>
      <c r="CY13" s="939"/>
      <c r="CZ13" s="940"/>
    </row>
    <row r="14" spans="1:104" s="185" customFormat="1" ht="72" customHeight="1">
      <c r="A14" s="878"/>
      <c r="B14" s="893"/>
      <c r="C14" s="894"/>
      <c r="D14" s="882"/>
      <c r="E14" s="883"/>
      <c r="F14" s="884"/>
      <c r="G14" s="962"/>
      <c r="H14" s="888"/>
      <c r="I14" s="890"/>
      <c r="J14" s="888"/>
      <c r="K14" s="889"/>
      <c r="L14" s="890"/>
      <c r="M14" s="909"/>
      <c r="N14" s="910"/>
      <c r="O14" s="911"/>
      <c r="P14" s="793"/>
      <c r="Q14" s="905" t="s">
        <v>1318</v>
      </c>
      <c r="R14" s="915"/>
      <c r="S14" s="915"/>
      <c r="T14" s="915"/>
      <c r="U14" s="915"/>
      <c r="V14" s="915"/>
      <c r="W14" s="916"/>
      <c r="X14" s="897" t="s">
        <v>766</v>
      </c>
      <c r="Y14" s="898"/>
      <c r="Z14" s="905" t="s">
        <v>1303</v>
      </c>
      <c r="AA14" s="898"/>
      <c r="AB14" s="902" t="s">
        <v>1288</v>
      </c>
      <c r="AC14" s="946"/>
      <c r="AD14" s="947"/>
      <c r="AE14" s="947"/>
      <c r="AF14" s="947"/>
      <c r="AG14" s="947"/>
      <c r="AH14" s="947"/>
      <c r="AI14" s="947"/>
      <c r="AJ14" s="947"/>
      <c r="AK14" s="947"/>
      <c r="AL14" s="947"/>
      <c r="AM14" s="947"/>
      <c r="AN14" s="947"/>
      <c r="AO14" s="947"/>
      <c r="AP14" s="947"/>
      <c r="AQ14" s="947"/>
      <c r="AR14" s="947"/>
      <c r="AS14" s="947"/>
      <c r="AT14" s="947"/>
      <c r="AU14" s="947"/>
      <c r="AV14" s="947"/>
      <c r="AW14" s="947"/>
      <c r="AX14" s="947"/>
      <c r="AY14" s="947"/>
      <c r="AZ14" s="947"/>
      <c r="BA14" s="947"/>
      <c r="BB14" s="947"/>
      <c r="BC14" s="947"/>
      <c r="BD14" s="947"/>
      <c r="BE14" s="947"/>
      <c r="BF14" s="947"/>
      <c r="BG14" s="947"/>
      <c r="BH14" s="947"/>
      <c r="BI14" s="947"/>
      <c r="BJ14" s="947"/>
      <c r="BK14" s="947"/>
      <c r="BL14" s="947"/>
      <c r="BM14" s="947"/>
      <c r="BN14" s="947"/>
      <c r="BO14" s="947"/>
      <c r="BP14" s="947"/>
      <c r="BQ14" s="947"/>
      <c r="BR14" s="947"/>
      <c r="BS14" s="947"/>
      <c r="BT14" s="947"/>
      <c r="BU14" s="947"/>
      <c r="BV14" s="947"/>
      <c r="BW14" s="947"/>
      <c r="BX14" s="948"/>
      <c r="BY14" s="959" t="s">
        <v>493</v>
      </c>
      <c r="BZ14" s="960"/>
      <c r="CA14" s="960"/>
      <c r="CB14" s="960"/>
      <c r="CC14" s="960"/>
      <c r="CD14" s="961"/>
      <c r="CE14" s="955" t="s">
        <v>494</v>
      </c>
      <c r="CF14" s="949" t="s">
        <v>490</v>
      </c>
      <c r="CG14" s="950"/>
      <c r="CH14" s="950"/>
      <c r="CI14" s="951"/>
      <c r="CJ14" s="941" t="s">
        <v>491</v>
      </c>
      <c r="CK14" s="957" t="s">
        <v>492</v>
      </c>
      <c r="CL14" s="941" t="s">
        <v>475</v>
      </c>
      <c r="CM14" s="924" t="s">
        <v>773</v>
      </c>
      <c r="CN14" s="925"/>
      <c r="CO14" s="925"/>
      <c r="CP14" s="925"/>
      <c r="CQ14" s="925"/>
      <c r="CR14" s="925"/>
      <c r="CS14" s="925"/>
      <c r="CT14" s="926"/>
      <c r="CU14" s="924" t="s">
        <v>478</v>
      </c>
      <c r="CV14" s="925"/>
      <c r="CW14" s="915"/>
      <c r="CX14" s="919" t="s">
        <v>650</v>
      </c>
      <c r="CY14" s="930" t="s">
        <v>660</v>
      </c>
      <c r="CZ14" s="919" t="s">
        <v>662</v>
      </c>
    </row>
    <row r="15" spans="1:104" s="187" customFormat="1" ht="166.5" customHeight="1">
      <c r="A15" s="878"/>
      <c r="B15" s="782" t="s">
        <v>1253</v>
      </c>
      <c r="C15" s="800" t="s">
        <v>1302</v>
      </c>
      <c r="D15" s="321" t="s">
        <v>479</v>
      </c>
      <c r="E15" s="321" t="s">
        <v>84</v>
      </c>
      <c r="F15" s="321" t="s">
        <v>712</v>
      </c>
      <c r="G15" s="389" t="s">
        <v>446</v>
      </c>
      <c r="H15" s="386" t="s">
        <v>517</v>
      </c>
      <c r="I15" s="386" t="s">
        <v>1255</v>
      </c>
      <c r="J15" s="386" t="s">
        <v>463</v>
      </c>
      <c r="K15" s="386" t="s">
        <v>508</v>
      </c>
      <c r="L15" s="386" t="s">
        <v>1188</v>
      </c>
      <c r="M15" s="453" t="s">
        <v>922</v>
      </c>
      <c r="N15" s="633" t="s">
        <v>1287</v>
      </c>
      <c r="O15" s="787" t="s">
        <v>933</v>
      </c>
      <c r="P15" s="794" t="s">
        <v>667</v>
      </c>
      <c r="Q15" s="786" t="s">
        <v>1278</v>
      </c>
      <c r="R15" s="786" t="s">
        <v>1279</v>
      </c>
      <c r="S15" s="786" t="s">
        <v>1280</v>
      </c>
      <c r="T15" s="786" t="s">
        <v>1281</v>
      </c>
      <c r="U15" s="786" t="s">
        <v>1282</v>
      </c>
      <c r="V15" s="786" t="s">
        <v>1283</v>
      </c>
      <c r="W15" s="795" t="s">
        <v>1284</v>
      </c>
      <c r="X15" s="790" t="s">
        <v>1189</v>
      </c>
      <c r="Y15" s="448" t="s">
        <v>725</v>
      </c>
      <c r="Z15" s="512" t="s">
        <v>767</v>
      </c>
      <c r="AA15" s="512" t="s">
        <v>768</v>
      </c>
      <c r="AB15" s="903"/>
      <c r="AC15" s="326" t="s">
        <v>556</v>
      </c>
      <c r="AD15" s="326" t="s">
        <v>557</v>
      </c>
      <c r="AE15" s="326" t="s">
        <v>558</v>
      </c>
      <c r="AF15" s="326" t="s">
        <v>724</v>
      </c>
      <c r="AG15" s="326" t="s">
        <v>559</v>
      </c>
      <c r="AH15" s="326" t="s">
        <v>560</v>
      </c>
      <c r="AI15" s="326" t="s">
        <v>561</v>
      </c>
      <c r="AJ15" s="326" t="s">
        <v>562</v>
      </c>
      <c r="AK15" s="326" t="s">
        <v>563</v>
      </c>
      <c r="AL15" s="326" t="s">
        <v>564</v>
      </c>
      <c r="AM15" s="186" t="s">
        <v>1257</v>
      </c>
      <c r="AN15" s="186" t="s">
        <v>203</v>
      </c>
      <c r="AO15" s="186" t="s">
        <v>1258</v>
      </c>
      <c r="AP15" s="186" t="s">
        <v>1115</v>
      </c>
      <c r="AQ15" s="186" t="s">
        <v>674</v>
      </c>
      <c r="AR15" s="186" t="s">
        <v>675</v>
      </c>
      <c r="AS15" s="186" t="s">
        <v>1112</v>
      </c>
      <c r="AT15" s="186" t="s">
        <v>1114</v>
      </c>
      <c r="AU15" s="186" t="s">
        <v>769</v>
      </c>
      <c r="AV15" s="186" t="s">
        <v>1259</v>
      </c>
      <c r="AW15" s="186" t="s">
        <v>627</v>
      </c>
      <c r="AX15" s="186" t="s">
        <v>1260</v>
      </c>
      <c r="AY15" s="186" t="s">
        <v>673</v>
      </c>
      <c r="AZ15" s="186" t="s">
        <v>565</v>
      </c>
      <c r="BA15" s="186" t="s">
        <v>1261</v>
      </c>
      <c r="BB15" s="186" t="s">
        <v>1116</v>
      </c>
      <c r="BC15" s="186" t="s">
        <v>1107</v>
      </c>
      <c r="BD15" s="186" t="s">
        <v>722</v>
      </c>
      <c r="BE15" s="186" t="s">
        <v>1109</v>
      </c>
      <c r="BF15" s="186" t="s">
        <v>1262</v>
      </c>
      <c r="BG15" s="186" t="s">
        <v>1263</v>
      </c>
      <c r="BH15" s="186" t="s">
        <v>770</v>
      </c>
      <c r="BI15" s="186" t="s">
        <v>202</v>
      </c>
      <c r="BJ15" s="186" t="s">
        <v>1264</v>
      </c>
      <c r="BK15" s="186" t="s">
        <v>1113</v>
      </c>
      <c r="BL15" s="186" t="s">
        <v>723</v>
      </c>
      <c r="BM15" s="186" t="s">
        <v>1265</v>
      </c>
      <c r="BN15" s="186" t="s">
        <v>1266</v>
      </c>
      <c r="BO15" s="186" t="s">
        <v>1108</v>
      </c>
      <c r="BP15" s="186" t="s">
        <v>1111</v>
      </c>
      <c r="BQ15" s="186" t="s">
        <v>771</v>
      </c>
      <c r="BR15" s="186" t="s">
        <v>1267</v>
      </c>
      <c r="BS15" s="186" t="s">
        <v>1268</v>
      </c>
      <c r="BT15" s="186" t="s">
        <v>1269</v>
      </c>
      <c r="BU15" s="785" t="s">
        <v>1276</v>
      </c>
      <c r="BV15" s="186" t="s">
        <v>566</v>
      </c>
      <c r="BW15" s="186" t="s">
        <v>1110</v>
      </c>
      <c r="BX15" s="186" t="s">
        <v>496</v>
      </c>
      <c r="BY15" s="387" t="s">
        <v>387</v>
      </c>
      <c r="BZ15" s="387" t="s">
        <v>388</v>
      </c>
      <c r="CA15" s="387" t="s">
        <v>380</v>
      </c>
      <c r="CB15" s="387" t="s">
        <v>726</v>
      </c>
      <c r="CC15" s="387" t="s">
        <v>381</v>
      </c>
      <c r="CD15" s="387" t="s">
        <v>628</v>
      </c>
      <c r="CE15" s="956"/>
      <c r="CF15" s="375" t="s">
        <v>471</v>
      </c>
      <c r="CG15" s="375" t="s">
        <v>472</v>
      </c>
      <c r="CH15" s="375" t="s">
        <v>473</v>
      </c>
      <c r="CI15" s="375" t="s">
        <v>381</v>
      </c>
      <c r="CJ15" s="942"/>
      <c r="CK15" s="958"/>
      <c r="CL15" s="942"/>
      <c r="CM15" s="458" t="s">
        <v>641</v>
      </c>
      <c r="CN15" s="458" t="s">
        <v>647</v>
      </c>
      <c r="CO15" s="458" t="s">
        <v>719</v>
      </c>
      <c r="CP15" s="458" t="s">
        <v>720</v>
      </c>
      <c r="CQ15" s="458" t="s">
        <v>652</v>
      </c>
      <c r="CR15" s="513" t="s">
        <v>774</v>
      </c>
      <c r="CS15" s="458" t="s">
        <v>381</v>
      </c>
      <c r="CT15" s="384" t="s">
        <v>630</v>
      </c>
      <c r="CU15" s="400" t="s">
        <v>772</v>
      </c>
      <c r="CV15" s="400" t="s">
        <v>644</v>
      </c>
      <c r="CW15" s="400" t="s">
        <v>483</v>
      </c>
      <c r="CX15" s="919"/>
      <c r="CY15" s="931"/>
      <c r="CZ15" s="919"/>
    </row>
    <row r="16" spans="1:104" s="67" customFormat="1" ht="24" customHeight="1">
      <c r="A16" s="192" t="s">
        <v>484</v>
      </c>
      <c r="B16" s="188" t="s">
        <v>465</v>
      </c>
      <c r="C16" s="806"/>
      <c r="D16" s="188" t="s">
        <v>480</v>
      </c>
      <c r="E16" s="188" t="s">
        <v>415</v>
      </c>
      <c r="F16" s="188" t="s">
        <v>714</v>
      </c>
      <c r="G16" s="188" t="s">
        <v>447</v>
      </c>
      <c r="H16" s="189">
        <v>44444</v>
      </c>
      <c r="I16" s="189">
        <v>435782</v>
      </c>
      <c r="J16" s="189" t="s">
        <v>1232</v>
      </c>
      <c r="K16" s="352">
        <v>12</v>
      </c>
      <c r="L16" s="352" t="s">
        <v>1233</v>
      </c>
      <c r="M16" s="322" t="s">
        <v>249</v>
      </c>
      <c r="N16" s="322"/>
      <c r="O16" s="788"/>
      <c r="P16" s="796"/>
      <c r="Q16" s="322"/>
      <c r="R16" s="322"/>
      <c r="S16" s="322"/>
      <c r="T16" s="322"/>
      <c r="U16" s="322"/>
      <c r="V16" s="322"/>
      <c r="W16" s="797"/>
      <c r="X16" s="791"/>
      <c r="Y16" s="504"/>
      <c r="Z16" s="504"/>
      <c r="AA16" s="504"/>
      <c r="AB16" s="504"/>
      <c r="AC16" s="192"/>
      <c r="AD16" s="192"/>
      <c r="AE16" s="192" t="s">
        <v>200</v>
      </c>
      <c r="AF16" s="192"/>
      <c r="AG16" s="192"/>
      <c r="AH16" s="192"/>
      <c r="AI16" s="192"/>
      <c r="AJ16" s="192"/>
      <c r="AK16" s="192"/>
      <c r="AL16" s="192"/>
      <c r="AM16" s="192" t="s">
        <v>319</v>
      </c>
      <c r="AN16" s="192" t="s">
        <v>319</v>
      </c>
      <c r="AO16" s="192"/>
      <c r="AP16" s="192" t="s">
        <v>200</v>
      </c>
      <c r="AQ16" s="192"/>
      <c r="AR16" s="192"/>
      <c r="AS16" s="192"/>
      <c r="AT16" s="192"/>
      <c r="AU16" s="192"/>
      <c r="AV16" s="192"/>
      <c r="AW16" s="192"/>
      <c r="AX16" s="192"/>
      <c r="AY16" s="192" t="s">
        <v>643</v>
      </c>
      <c r="AZ16" s="192"/>
      <c r="BA16" s="192"/>
      <c r="BB16" s="192"/>
      <c r="BC16" s="192"/>
      <c r="BD16" s="192"/>
      <c r="BE16" s="192"/>
      <c r="BF16" s="192"/>
      <c r="BG16" s="192"/>
      <c r="BH16" s="192"/>
      <c r="BI16" s="192"/>
      <c r="BJ16" s="192"/>
      <c r="BK16" s="192"/>
      <c r="BL16" s="192"/>
      <c r="BM16" s="192"/>
      <c r="BN16" s="192"/>
      <c r="BO16" s="192"/>
      <c r="BP16" s="192"/>
      <c r="BQ16" s="192"/>
      <c r="BR16" s="192"/>
      <c r="BS16" s="192"/>
      <c r="BT16" s="192"/>
      <c r="BU16" s="192"/>
      <c r="BV16" s="192"/>
      <c r="BW16" s="192"/>
      <c r="BX16" s="188" t="s">
        <v>567</v>
      </c>
      <c r="BY16" s="192" t="s">
        <v>197</v>
      </c>
      <c r="BZ16" s="192" t="s">
        <v>197</v>
      </c>
      <c r="CA16" s="192" t="s">
        <v>197</v>
      </c>
      <c r="CB16" s="192"/>
      <c r="CC16" s="192"/>
      <c r="CD16" s="192"/>
      <c r="CE16" s="188" t="str">
        <f>IF( COUNTIF(AC16:BW16,"◎")=1,INDEX(AC$15:BW$15,1,MATCH("◎",AC16:BW16,0)),"" )</f>
        <v>王子・伊藤忠エネクス電力販売株式会社</v>
      </c>
      <c r="CF16" s="322" t="s">
        <v>197</v>
      </c>
      <c r="CG16" s="192"/>
      <c r="CH16" s="192"/>
      <c r="CI16" s="192"/>
      <c r="CJ16" s="378">
        <v>5.0000000000000001E-3</v>
      </c>
      <c r="CK16" s="382">
        <v>0.04</v>
      </c>
      <c r="CL16" s="378" t="s">
        <v>924</v>
      </c>
      <c r="CM16" s="322"/>
      <c r="CN16" s="322"/>
      <c r="CO16" s="322"/>
      <c r="CP16" s="322"/>
      <c r="CQ16" s="322"/>
      <c r="CR16" s="322"/>
      <c r="CS16" s="322"/>
      <c r="CT16" s="261"/>
      <c r="CU16" s="261"/>
      <c r="CV16" s="261"/>
      <c r="CW16" s="261"/>
      <c r="CX16" s="451"/>
      <c r="CY16" s="451"/>
      <c r="CZ16" s="456"/>
    </row>
    <row r="17" spans="1:104" s="67" customFormat="1" ht="36">
      <c r="A17" s="192" t="s">
        <v>485</v>
      </c>
      <c r="B17" s="188" t="s">
        <v>196</v>
      </c>
      <c r="C17" s="806"/>
      <c r="D17" s="188" t="s">
        <v>480</v>
      </c>
      <c r="E17" s="188" t="s">
        <v>416</v>
      </c>
      <c r="F17" s="188" t="s">
        <v>715</v>
      </c>
      <c r="G17" s="188" t="s">
        <v>447</v>
      </c>
      <c r="H17" s="189">
        <v>34341</v>
      </c>
      <c r="I17" s="189">
        <v>35200</v>
      </c>
      <c r="J17" s="189" t="s">
        <v>1231</v>
      </c>
      <c r="K17" s="352">
        <v>18</v>
      </c>
      <c r="L17" s="352"/>
      <c r="M17" s="322" t="s">
        <v>277</v>
      </c>
      <c r="N17" s="322"/>
      <c r="O17" s="788" t="s">
        <v>197</v>
      </c>
      <c r="P17" s="796" t="s">
        <v>197</v>
      </c>
      <c r="Q17" s="322"/>
      <c r="R17" s="322"/>
      <c r="S17" s="322"/>
      <c r="T17" s="322"/>
      <c r="U17" s="322"/>
      <c r="V17" s="322"/>
      <c r="W17" s="797"/>
      <c r="X17" s="791" t="s">
        <v>197</v>
      </c>
      <c r="Y17" s="504">
        <v>0.4</v>
      </c>
      <c r="Z17" s="504" t="s">
        <v>197</v>
      </c>
      <c r="AA17" s="504"/>
      <c r="AB17" s="504"/>
      <c r="AC17" s="192"/>
      <c r="AD17" s="192"/>
      <c r="AE17" s="192" t="s">
        <v>204</v>
      </c>
      <c r="AF17" s="192"/>
      <c r="AG17" s="192"/>
      <c r="AH17" s="192"/>
      <c r="AI17" s="192"/>
      <c r="AJ17" s="192"/>
      <c r="AK17" s="192"/>
      <c r="AL17" s="192"/>
      <c r="AM17" s="192"/>
      <c r="AN17" s="192" t="s">
        <v>200</v>
      </c>
      <c r="AO17" s="192"/>
      <c r="AP17" s="192"/>
      <c r="AQ17" s="192"/>
      <c r="AR17" s="192"/>
      <c r="AS17" s="192"/>
      <c r="AT17" s="192"/>
      <c r="AU17" s="192"/>
      <c r="AV17" s="192"/>
      <c r="AW17" s="192"/>
      <c r="AX17" s="192"/>
      <c r="AY17" s="192"/>
      <c r="AZ17" s="192"/>
      <c r="BA17" s="192"/>
      <c r="BB17" s="192"/>
      <c r="BC17" s="192"/>
      <c r="BD17" s="192"/>
      <c r="BE17" s="192"/>
      <c r="BF17" s="192"/>
      <c r="BG17" s="192"/>
      <c r="BH17" s="192"/>
      <c r="BI17" s="192"/>
      <c r="BJ17" s="192"/>
      <c r="BK17" s="192"/>
      <c r="BL17" s="192"/>
      <c r="BM17" s="192"/>
      <c r="BN17" s="192"/>
      <c r="BO17" s="192"/>
      <c r="BP17" s="192"/>
      <c r="BQ17" s="192"/>
      <c r="BR17" s="192"/>
      <c r="BS17" s="192"/>
      <c r="BT17" s="192"/>
      <c r="BU17" s="192"/>
      <c r="BV17" s="192"/>
      <c r="BW17" s="192"/>
      <c r="BX17" s="188"/>
      <c r="BY17" s="192"/>
      <c r="BZ17" s="192"/>
      <c r="CA17" s="192"/>
      <c r="CB17" s="192"/>
      <c r="CC17" s="192"/>
      <c r="CD17" s="192"/>
      <c r="CE17" s="188" t="str">
        <f t="shared" ref="CE17:CE18" si="0">IF( COUNTIF(AC17:BW17,"◎")=1,INDEX(AC$15:BW$15,1,MATCH("◎",AC17:BW17,0)),"" )</f>
        <v>東京電力エナジーパートナー株式会社</v>
      </c>
      <c r="CF17" s="322"/>
      <c r="CG17" s="322"/>
      <c r="CH17" s="192"/>
      <c r="CI17" s="192"/>
      <c r="CJ17" s="378"/>
      <c r="CK17" s="382"/>
      <c r="CL17" s="382"/>
      <c r="CM17" s="322"/>
      <c r="CN17" s="322"/>
      <c r="CO17" s="322"/>
      <c r="CP17" s="322"/>
      <c r="CQ17" s="322"/>
      <c r="CR17" s="322"/>
      <c r="CS17" s="322"/>
      <c r="CT17" s="261"/>
      <c r="CU17" s="261"/>
      <c r="CV17" s="261"/>
      <c r="CW17" s="261"/>
      <c r="CX17" s="451"/>
      <c r="CY17" s="451"/>
      <c r="CZ17" s="456"/>
    </row>
    <row r="18" spans="1:104" s="67" customFormat="1" ht="36">
      <c r="A18" s="192" t="s">
        <v>486</v>
      </c>
      <c r="B18" s="188" t="s">
        <v>199</v>
      </c>
      <c r="C18" s="806"/>
      <c r="D18" s="188" t="s">
        <v>480</v>
      </c>
      <c r="E18" s="188" t="s">
        <v>417</v>
      </c>
      <c r="F18" s="188" t="s">
        <v>716</v>
      </c>
      <c r="G18" s="188" t="s">
        <v>448</v>
      </c>
      <c r="H18" s="189">
        <v>9753</v>
      </c>
      <c r="I18" s="189">
        <v>10023</v>
      </c>
      <c r="J18" s="189" t="s">
        <v>1230</v>
      </c>
      <c r="K18" s="352">
        <v>36</v>
      </c>
      <c r="L18" s="352"/>
      <c r="M18" s="322" t="s">
        <v>278</v>
      </c>
      <c r="N18" s="322"/>
      <c r="O18" s="788"/>
      <c r="P18" s="796"/>
      <c r="Q18" s="322"/>
      <c r="R18" s="322"/>
      <c r="S18" s="322"/>
      <c r="T18" s="322"/>
      <c r="U18" s="322"/>
      <c r="V18" s="322"/>
      <c r="W18" s="797"/>
      <c r="X18" s="791"/>
      <c r="Y18" s="504"/>
      <c r="Z18" s="504"/>
      <c r="AA18" s="504"/>
      <c r="AB18" s="504"/>
      <c r="AC18" s="357"/>
      <c r="AD18" s="357"/>
      <c r="AE18" s="357" t="s">
        <v>204</v>
      </c>
      <c r="AF18" s="357"/>
      <c r="AG18" s="357"/>
      <c r="AH18" s="357"/>
      <c r="AI18" s="357"/>
      <c r="AJ18" s="357"/>
      <c r="AK18" s="357"/>
      <c r="AL18" s="357"/>
      <c r="AM18" s="192"/>
      <c r="AN18" s="192"/>
      <c r="AO18" s="192"/>
      <c r="AP18" s="192"/>
      <c r="AQ18" s="192"/>
      <c r="AR18" s="192"/>
      <c r="AS18" s="192"/>
      <c r="AT18" s="192"/>
      <c r="AU18" s="192"/>
      <c r="AV18" s="192"/>
      <c r="AW18" s="192"/>
      <c r="AX18" s="192"/>
      <c r="AY18" s="192"/>
      <c r="AZ18" s="192"/>
      <c r="BA18" s="192"/>
      <c r="BB18" s="192"/>
      <c r="BC18" s="192"/>
      <c r="BD18" s="192"/>
      <c r="BE18" s="192"/>
      <c r="BF18" s="192"/>
      <c r="BG18" s="192"/>
      <c r="BH18" s="192"/>
      <c r="BI18" s="192"/>
      <c r="BJ18" s="192"/>
      <c r="BK18" s="192"/>
      <c r="BL18" s="192"/>
      <c r="BM18" s="192"/>
      <c r="BN18" s="192"/>
      <c r="BO18" s="192"/>
      <c r="BP18" s="192"/>
      <c r="BQ18" s="192"/>
      <c r="BR18" s="192"/>
      <c r="BS18" s="192"/>
      <c r="BT18" s="192"/>
      <c r="BU18" s="192"/>
      <c r="BV18" s="192"/>
      <c r="BW18" s="192"/>
      <c r="BX18" s="188"/>
      <c r="BY18" s="192"/>
      <c r="BZ18" s="192"/>
      <c r="CA18" s="192"/>
      <c r="CB18" s="192"/>
      <c r="CC18" s="192"/>
      <c r="CD18" s="192"/>
      <c r="CE18" s="188" t="str">
        <f t="shared" si="0"/>
        <v>東京電力エナジーパートナー株式会社</v>
      </c>
      <c r="CF18" s="322"/>
      <c r="CG18" s="322"/>
      <c r="CH18" s="192"/>
      <c r="CI18" s="192"/>
      <c r="CJ18" s="378"/>
      <c r="CK18" s="382"/>
      <c r="CL18" s="382"/>
      <c r="CM18" s="322"/>
      <c r="CN18" s="322"/>
      <c r="CO18" s="322"/>
      <c r="CP18" s="322"/>
      <c r="CQ18" s="322" t="s">
        <v>197</v>
      </c>
      <c r="CR18" s="322"/>
      <c r="CS18" s="322"/>
      <c r="CT18" s="261"/>
      <c r="CU18" s="261" t="s">
        <v>784</v>
      </c>
      <c r="CV18" s="261" t="s">
        <v>470</v>
      </c>
      <c r="CW18" s="261"/>
      <c r="CX18" s="451"/>
      <c r="CY18" s="451"/>
      <c r="CZ18" s="456"/>
    </row>
    <row r="19" spans="1:104" s="67" customFormat="1" ht="36">
      <c r="A19" s="192" t="s">
        <v>487</v>
      </c>
      <c r="B19" s="188" t="s">
        <v>454</v>
      </c>
      <c r="C19" s="806"/>
      <c r="D19" s="188" t="s">
        <v>480</v>
      </c>
      <c r="E19" s="188" t="s">
        <v>456</v>
      </c>
      <c r="F19" s="188" t="s">
        <v>717</v>
      </c>
      <c r="G19" s="188" t="s">
        <v>448</v>
      </c>
      <c r="H19" s="189">
        <v>8888</v>
      </c>
      <c r="I19" s="189">
        <v>8567</v>
      </c>
      <c r="J19" s="189" t="s">
        <v>1232</v>
      </c>
      <c r="K19" s="352">
        <v>12</v>
      </c>
      <c r="L19" s="352" t="s">
        <v>1234</v>
      </c>
      <c r="M19" s="322" t="s">
        <v>452</v>
      </c>
      <c r="N19" s="322"/>
      <c r="O19" s="788"/>
      <c r="P19" s="796"/>
      <c r="Q19" s="322"/>
      <c r="R19" s="322"/>
      <c r="S19" s="322"/>
      <c r="T19" s="322"/>
      <c r="U19" s="322"/>
      <c r="V19" s="322"/>
      <c r="W19" s="797"/>
      <c r="X19" s="791"/>
      <c r="Y19" s="504"/>
      <c r="Z19" s="504"/>
      <c r="AA19" s="504"/>
      <c r="AB19" s="504"/>
      <c r="AC19" s="356"/>
      <c r="AD19" s="356"/>
      <c r="AE19" s="356"/>
      <c r="AF19" s="356"/>
      <c r="AG19" s="356"/>
      <c r="AH19" s="356"/>
      <c r="AI19" s="356"/>
      <c r="AJ19" s="356"/>
      <c r="AK19" s="356"/>
      <c r="AL19" s="356"/>
      <c r="AM19" s="192"/>
      <c r="AN19" s="192" t="s">
        <v>200</v>
      </c>
      <c r="AO19" s="192"/>
      <c r="AP19" s="192" t="s">
        <v>200</v>
      </c>
      <c r="AQ19" s="192"/>
      <c r="AR19" s="192"/>
      <c r="AS19" s="192"/>
      <c r="AT19" s="192"/>
      <c r="AU19" s="192"/>
      <c r="AV19" s="192"/>
      <c r="AW19" s="192"/>
      <c r="AX19" s="192"/>
      <c r="AY19" s="192"/>
      <c r="AZ19" s="192"/>
      <c r="BA19" s="192"/>
      <c r="BB19" s="192"/>
      <c r="BC19" s="192"/>
      <c r="BD19" s="192"/>
      <c r="BE19" s="192"/>
      <c r="BF19" s="192"/>
      <c r="BG19" s="192"/>
      <c r="BH19" s="192"/>
      <c r="BI19" s="192"/>
      <c r="BJ19" s="192"/>
      <c r="BK19" s="192"/>
      <c r="BL19" s="192"/>
      <c r="BM19" s="192"/>
      <c r="BN19" s="192"/>
      <c r="BO19" s="192"/>
      <c r="BP19" s="192"/>
      <c r="BQ19" s="192"/>
      <c r="BR19" s="192"/>
      <c r="BS19" s="192"/>
      <c r="BT19" s="192"/>
      <c r="BU19" s="192"/>
      <c r="BV19" s="192"/>
      <c r="BW19" s="192"/>
      <c r="BX19" s="188" t="s">
        <v>568</v>
      </c>
      <c r="BY19" s="192"/>
      <c r="BZ19" s="192"/>
      <c r="CA19" s="192"/>
      <c r="CB19" s="192"/>
      <c r="CC19" s="192"/>
      <c r="CD19" s="192"/>
      <c r="CE19" s="188" t="s">
        <v>669</v>
      </c>
      <c r="CF19" s="322"/>
      <c r="CG19" s="192"/>
      <c r="CH19" s="192"/>
      <c r="CI19" s="192"/>
      <c r="CJ19" s="378"/>
      <c r="CK19" s="382"/>
      <c r="CL19" s="382"/>
      <c r="CM19" s="322"/>
      <c r="CN19" s="322"/>
      <c r="CO19" s="322"/>
      <c r="CP19" s="322"/>
      <c r="CQ19" s="322"/>
      <c r="CR19" s="322"/>
      <c r="CS19" s="322" t="s">
        <v>197</v>
      </c>
      <c r="CT19" s="261" t="s">
        <v>713</v>
      </c>
      <c r="CU19" s="261" t="s">
        <v>482</v>
      </c>
      <c r="CV19" s="261" t="s">
        <v>645</v>
      </c>
      <c r="CW19" s="261" t="s">
        <v>470</v>
      </c>
      <c r="CX19" s="451"/>
      <c r="CY19" s="451"/>
      <c r="CZ19" s="456"/>
    </row>
    <row r="20" spans="1:104" s="67" customFormat="1" ht="24">
      <c r="A20" s="192" t="s">
        <v>488</v>
      </c>
      <c r="B20" s="188" t="s">
        <v>455</v>
      </c>
      <c r="C20" s="806"/>
      <c r="D20" s="188" t="s">
        <v>480</v>
      </c>
      <c r="E20" s="188" t="s">
        <v>457</v>
      </c>
      <c r="F20" s="188" t="s">
        <v>718</v>
      </c>
      <c r="G20" s="188" t="s">
        <v>448</v>
      </c>
      <c r="H20" s="189">
        <v>9000</v>
      </c>
      <c r="I20" s="189">
        <v>8960</v>
      </c>
      <c r="J20" s="189" t="s">
        <v>1232</v>
      </c>
      <c r="K20" s="352">
        <v>12</v>
      </c>
      <c r="L20" s="352" t="s">
        <v>1234</v>
      </c>
      <c r="M20" s="322" t="s">
        <v>453</v>
      </c>
      <c r="N20" s="322"/>
      <c r="O20" s="788"/>
      <c r="P20" s="796"/>
      <c r="Q20" s="322"/>
      <c r="R20" s="322"/>
      <c r="S20" s="322"/>
      <c r="T20" s="322"/>
      <c r="U20" s="322"/>
      <c r="V20" s="322"/>
      <c r="W20" s="797"/>
      <c r="X20" s="791" t="s">
        <v>197</v>
      </c>
      <c r="Y20" s="504">
        <v>0.55000000000000004</v>
      </c>
      <c r="Z20" s="504"/>
      <c r="AA20" s="504"/>
      <c r="AB20" s="504"/>
      <c r="AC20" s="357"/>
      <c r="AD20" s="357"/>
      <c r="AE20" s="357" t="s">
        <v>200</v>
      </c>
      <c r="AF20" s="357"/>
      <c r="AG20" s="357"/>
      <c r="AH20" s="357"/>
      <c r="AI20" s="357"/>
      <c r="AJ20" s="357"/>
      <c r="AK20" s="357"/>
      <c r="AL20" s="357"/>
      <c r="AM20" s="192" t="s">
        <v>204</v>
      </c>
      <c r="AN20" s="192"/>
      <c r="AO20" s="192" t="s">
        <v>458</v>
      </c>
      <c r="AP20" s="192"/>
      <c r="AQ20" s="192"/>
      <c r="AR20" s="192"/>
      <c r="AS20" s="192"/>
      <c r="AT20" s="192"/>
      <c r="AU20" s="192"/>
      <c r="AV20" s="192"/>
      <c r="AW20" s="192"/>
      <c r="AX20" s="192"/>
      <c r="AY20" s="192"/>
      <c r="AZ20" s="192"/>
      <c r="BA20" s="192"/>
      <c r="BB20" s="192"/>
      <c r="BC20" s="192"/>
      <c r="BD20" s="192"/>
      <c r="BE20" s="192"/>
      <c r="BF20" s="192"/>
      <c r="BG20" s="192"/>
      <c r="BH20" s="192"/>
      <c r="BI20" s="192"/>
      <c r="BJ20" s="192"/>
      <c r="BK20" s="192"/>
      <c r="BL20" s="192"/>
      <c r="BM20" s="192"/>
      <c r="BN20" s="192"/>
      <c r="BO20" s="192"/>
      <c r="BP20" s="192"/>
      <c r="BQ20" s="192"/>
      <c r="BR20" s="192"/>
      <c r="BS20" s="192"/>
      <c r="BT20" s="192"/>
      <c r="BU20" s="192"/>
      <c r="BV20" s="192"/>
      <c r="BW20" s="192"/>
      <c r="BX20" s="188"/>
      <c r="BY20" s="192"/>
      <c r="BZ20" s="192"/>
      <c r="CA20" s="192"/>
      <c r="CB20" s="192"/>
      <c r="CC20" s="192"/>
      <c r="CD20" s="192"/>
      <c r="CE20" s="188" t="str">
        <f>IF( COUNTIF(AC20:BW20,"◎")=1,INDEX(AC$15:BW$15,1,MATCH("◎",AC20:BW20,0)),"" )</f>
        <v>ゼロワットパワー株式会社</v>
      </c>
      <c r="CF20" s="322"/>
      <c r="CG20" s="192"/>
      <c r="CH20" s="322"/>
      <c r="CI20" s="192"/>
      <c r="CJ20" s="378"/>
      <c r="CK20" s="382"/>
      <c r="CL20" s="382"/>
      <c r="CM20" s="322"/>
      <c r="CN20" s="322"/>
      <c r="CO20" s="322"/>
      <c r="CP20" s="322"/>
      <c r="CQ20" s="322"/>
      <c r="CR20" s="322"/>
      <c r="CS20" s="322"/>
      <c r="CT20" s="261"/>
      <c r="CU20" s="261"/>
      <c r="CV20" s="261"/>
      <c r="CW20" s="261"/>
      <c r="CX20" s="322" t="s">
        <v>197</v>
      </c>
      <c r="CY20" s="322" t="s">
        <v>659</v>
      </c>
      <c r="CZ20" s="456">
        <v>1000</v>
      </c>
    </row>
    <row r="21" spans="1:104" s="67" customFormat="1" ht="12">
      <c r="A21" s="72">
        <v>1</v>
      </c>
      <c r="B21" s="103"/>
      <c r="C21" s="807"/>
      <c r="D21" s="103"/>
      <c r="E21" s="103"/>
      <c r="F21" s="103"/>
      <c r="G21" s="103"/>
      <c r="H21" s="217"/>
      <c r="I21" s="217"/>
      <c r="J21" s="217"/>
      <c r="K21" s="353"/>
      <c r="L21" s="353"/>
      <c r="M21" s="401"/>
      <c r="N21" s="401"/>
      <c r="O21" s="789"/>
      <c r="P21" s="798"/>
      <c r="Q21" s="401"/>
      <c r="R21" s="401"/>
      <c r="S21" s="401"/>
      <c r="T21" s="401"/>
      <c r="U21" s="401"/>
      <c r="V21" s="401"/>
      <c r="W21" s="799"/>
      <c r="X21" s="792"/>
      <c r="Y21" s="505"/>
      <c r="Z21" s="505"/>
      <c r="AA21" s="505"/>
      <c r="AB21" s="505"/>
      <c r="AC21" s="218"/>
      <c r="AD21" s="218"/>
      <c r="AE21" s="218"/>
      <c r="AF21" s="218"/>
      <c r="AG21" s="218"/>
      <c r="AH21" s="218"/>
      <c r="AI21" s="218"/>
      <c r="AJ21" s="218"/>
      <c r="AK21" s="218"/>
      <c r="AL21" s="218"/>
      <c r="AM21" s="218"/>
      <c r="AN21" s="218"/>
      <c r="AO21" s="218"/>
      <c r="AP21" s="218"/>
      <c r="AQ21" s="218"/>
      <c r="AR21" s="218"/>
      <c r="AS21" s="218"/>
      <c r="AT21" s="218"/>
      <c r="AU21" s="218"/>
      <c r="AV21" s="218"/>
      <c r="AW21" s="218"/>
      <c r="AX21" s="218"/>
      <c r="AY21" s="218"/>
      <c r="AZ21" s="218"/>
      <c r="BA21" s="218"/>
      <c r="BB21" s="218"/>
      <c r="BC21" s="218"/>
      <c r="BD21" s="218"/>
      <c r="BE21" s="218"/>
      <c r="BF21" s="218"/>
      <c r="BG21" s="218"/>
      <c r="BH21" s="218"/>
      <c r="BI21" s="218"/>
      <c r="BJ21" s="218"/>
      <c r="BK21" s="218"/>
      <c r="BL21" s="218"/>
      <c r="BM21" s="218"/>
      <c r="BN21" s="218"/>
      <c r="BO21" s="218"/>
      <c r="BP21" s="218"/>
      <c r="BQ21" s="218"/>
      <c r="BR21" s="218"/>
      <c r="BS21" s="218"/>
      <c r="BT21" s="218"/>
      <c r="BU21" s="218"/>
      <c r="BV21" s="218"/>
      <c r="BW21" s="218"/>
      <c r="BX21" s="103"/>
      <c r="BY21" s="218"/>
      <c r="BZ21" s="218"/>
      <c r="CA21" s="218"/>
      <c r="CB21" s="218"/>
      <c r="CC21" s="218"/>
      <c r="CD21" s="218"/>
      <c r="CE21" s="371" t="str">
        <f t="shared" ref="CE21:CE84" si="1">IF( COUNTIF(AC21:BW21,"◎")=1,INDEX(AC$15:BW$15,1,MATCH("◎",AC21:BW21,0)),"" )</f>
        <v/>
      </c>
      <c r="CF21" s="371"/>
      <c r="CG21" s="371"/>
      <c r="CH21" s="371"/>
      <c r="CI21" s="371"/>
      <c r="CJ21" s="379"/>
      <c r="CK21" s="383"/>
      <c r="CL21" s="383"/>
      <c r="CM21" s="370"/>
      <c r="CN21" s="370"/>
      <c r="CO21" s="370"/>
      <c r="CP21" s="370"/>
      <c r="CQ21" s="370"/>
      <c r="CR21" s="370"/>
      <c r="CS21" s="370"/>
      <c r="CT21" s="262"/>
      <c r="CU21" s="262"/>
      <c r="CV21" s="262"/>
      <c r="CW21" s="262"/>
      <c r="CX21" s="371"/>
      <c r="CY21" s="371"/>
      <c r="CZ21" s="455"/>
    </row>
    <row r="22" spans="1:104" s="67" customFormat="1" ht="12">
      <c r="A22" s="72">
        <v>2</v>
      </c>
      <c r="B22" s="103"/>
      <c r="C22" s="807"/>
      <c r="D22" s="103"/>
      <c r="E22" s="103"/>
      <c r="F22" s="103"/>
      <c r="G22" s="103"/>
      <c r="H22" s="217"/>
      <c r="I22" s="217"/>
      <c r="J22" s="217"/>
      <c r="K22" s="353"/>
      <c r="L22" s="353"/>
      <c r="M22" s="401"/>
      <c r="N22" s="401"/>
      <c r="O22" s="789"/>
      <c r="P22" s="798"/>
      <c r="Q22" s="401"/>
      <c r="R22" s="401"/>
      <c r="S22" s="401"/>
      <c r="T22" s="401"/>
      <c r="U22" s="401"/>
      <c r="V22" s="401"/>
      <c r="W22" s="799"/>
      <c r="X22" s="792"/>
      <c r="Y22" s="505"/>
      <c r="Z22" s="505"/>
      <c r="AA22" s="505"/>
      <c r="AB22" s="505"/>
      <c r="AC22" s="218"/>
      <c r="AD22" s="218"/>
      <c r="AE22" s="218"/>
      <c r="AF22" s="218"/>
      <c r="AG22" s="218"/>
      <c r="AH22" s="218"/>
      <c r="AI22" s="218"/>
      <c r="AJ22" s="218"/>
      <c r="AK22" s="218"/>
      <c r="AL22" s="218"/>
      <c r="AM22" s="218"/>
      <c r="AN22" s="218"/>
      <c r="AO22" s="218"/>
      <c r="AP22" s="218"/>
      <c r="AQ22" s="218"/>
      <c r="AR22" s="218"/>
      <c r="AS22" s="218"/>
      <c r="AT22" s="218"/>
      <c r="AU22" s="218"/>
      <c r="AV22" s="218"/>
      <c r="AW22" s="218"/>
      <c r="AX22" s="218"/>
      <c r="AY22" s="218"/>
      <c r="AZ22" s="218"/>
      <c r="BA22" s="218"/>
      <c r="BB22" s="218"/>
      <c r="BC22" s="218"/>
      <c r="BD22" s="218"/>
      <c r="BE22" s="218"/>
      <c r="BF22" s="218"/>
      <c r="BG22" s="218"/>
      <c r="BH22" s="218"/>
      <c r="BI22" s="218"/>
      <c r="BJ22" s="218"/>
      <c r="BK22" s="218"/>
      <c r="BL22" s="218"/>
      <c r="BM22" s="218"/>
      <c r="BN22" s="218"/>
      <c r="BO22" s="218"/>
      <c r="BP22" s="218"/>
      <c r="BQ22" s="218"/>
      <c r="BR22" s="218"/>
      <c r="BS22" s="218"/>
      <c r="BT22" s="218"/>
      <c r="BU22" s="218"/>
      <c r="BV22" s="218"/>
      <c r="BW22" s="218"/>
      <c r="BX22" s="103"/>
      <c r="BY22" s="218"/>
      <c r="BZ22" s="218"/>
      <c r="CA22" s="218"/>
      <c r="CB22" s="218"/>
      <c r="CC22" s="218"/>
      <c r="CD22" s="218"/>
      <c r="CE22" s="371" t="str">
        <f t="shared" si="1"/>
        <v/>
      </c>
      <c r="CF22" s="371"/>
      <c r="CG22" s="371"/>
      <c r="CH22" s="371"/>
      <c r="CI22" s="371"/>
      <c r="CJ22" s="379"/>
      <c r="CK22" s="383"/>
      <c r="CL22" s="383"/>
      <c r="CM22" s="370"/>
      <c r="CN22" s="370"/>
      <c r="CO22" s="370"/>
      <c r="CP22" s="370"/>
      <c r="CQ22" s="370"/>
      <c r="CR22" s="370"/>
      <c r="CS22" s="370"/>
      <c r="CT22" s="262"/>
      <c r="CU22" s="262"/>
      <c r="CV22" s="262"/>
      <c r="CW22" s="262"/>
      <c r="CX22" s="371"/>
      <c r="CY22" s="371"/>
      <c r="CZ22" s="455"/>
    </row>
    <row r="23" spans="1:104" s="67" customFormat="1" ht="12">
      <c r="A23" s="72">
        <v>3</v>
      </c>
      <c r="B23" s="103"/>
      <c r="C23" s="807"/>
      <c r="D23" s="103"/>
      <c r="E23" s="103"/>
      <c r="F23" s="103"/>
      <c r="G23" s="103"/>
      <c r="H23" s="217"/>
      <c r="I23" s="217"/>
      <c r="J23" s="217"/>
      <c r="K23" s="353"/>
      <c r="L23" s="353"/>
      <c r="M23" s="401"/>
      <c r="N23" s="401"/>
      <c r="O23" s="789"/>
      <c r="P23" s="798"/>
      <c r="Q23" s="401"/>
      <c r="R23" s="401"/>
      <c r="S23" s="401"/>
      <c r="T23" s="401"/>
      <c r="U23" s="401"/>
      <c r="V23" s="401"/>
      <c r="W23" s="799"/>
      <c r="X23" s="792"/>
      <c r="Y23" s="505"/>
      <c r="Z23" s="505"/>
      <c r="AA23" s="505"/>
      <c r="AB23" s="505"/>
      <c r="AC23" s="218"/>
      <c r="AD23" s="218"/>
      <c r="AE23" s="218"/>
      <c r="AF23" s="218"/>
      <c r="AG23" s="218"/>
      <c r="AH23" s="218"/>
      <c r="AI23" s="218"/>
      <c r="AJ23" s="218"/>
      <c r="AK23" s="218"/>
      <c r="AL23" s="218"/>
      <c r="AM23" s="218"/>
      <c r="AN23" s="218"/>
      <c r="AO23" s="218"/>
      <c r="AP23" s="218"/>
      <c r="AQ23" s="218"/>
      <c r="AR23" s="218"/>
      <c r="AS23" s="218"/>
      <c r="AT23" s="218"/>
      <c r="AU23" s="218"/>
      <c r="AV23" s="218"/>
      <c r="AW23" s="218"/>
      <c r="AX23" s="218"/>
      <c r="AY23" s="218"/>
      <c r="AZ23" s="218"/>
      <c r="BA23" s="218"/>
      <c r="BB23" s="218"/>
      <c r="BC23" s="218"/>
      <c r="BD23" s="218"/>
      <c r="BE23" s="218"/>
      <c r="BF23" s="218"/>
      <c r="BG23" s="218"/>
      <c r="BH23" s="218"/>
      <c r="BI23" s="218"/>
      <c r="BJ23" s="218"/>
      <c r="BK23" s="218"/>
      <c r="BL23" s="218"/>
      <c r="BM23" s="218"/>
      <c r="BN23" s="218"/>
      <c r="BO23" s="218"/>
      <c r="BP23" s="218"/>
      <c r="BQ23" s="218"/>
      <c r="BR23" s="218"/>
      <c r="BS23" s="218"/>
      <c r="BT23" s="218"/>
      <c r="BU23" s="218"/>
      <c r="BV23" s="218"/>
      <c r="BW23" s="218"/>
      <c r="BX23" s="103"/>
      <c r="BY23" s="218"/>
      <c r="BZ23" s="218"/>
      <c r="CA23" s="218"/>
      <c r="CB23" s="218"/>
      <c r="CC23" s="218"/>
      <c r="CD23" s="218"/>
      <c r="CE23" s="371" t="str">
        <f t="shared" si="1"/>
        <v/>
      </c>
      <c r="CF23" s="371"/>
      <c r="CG23" s="371"/>
      <c r="CH23" s="371"/>
      <c r="CI23" s="371"/>
      <c r="CJ23" s="379"/>
      <c r="CK23" s="383"/>
      <c r="CL23" s="383"/>
      <c r="CM23" s="370"/>
      <c r="CN23" s="370"/>
      <c r="CO23" s="370"/>
      <c r="CP23" s="370"/>
      <c r="CQ23" s="370"/>
      <c r="CR23" s="370"/>
      <c r="CS23" s="370"/>
      <c r="CT23" s="262"/>
      <c r="CU23" s="262"/>
      <c r="CV23" s="262"/>
      <c r="CW23" s="262"/>
      <c r="CX23" s="371"/>
      <c r="CY23" s="371"/>
      <c r="CZ23" s="455"/>
    </row>
    <row r="24" spans="1:104" s="67" customFormat="1" ht="12">
      <c r="A24" s="72">
        <v>4</v>
      </c>
      <c r="B24" s="103"/>
      <c r="C24" s="807"/>
      <c r="D24" s="103"/>
      <c r="E24" s="103"/>
      <c r="F24" s="103"/>
      <c r="G24" s="103"/>
      <c r="H24" s="217"/>
      <c r="I24" s="217"/>
      <c r="J24" s="217"/>
      <c r="K24" s="353"/>
      <c r="L24" s="353"/>
      <c r="M24" s="401"/>
      <c r="N24" s="401"/>
      <c r="O24" s="789"/>
      <c r="P24" s="798"/>
      <c r="Q24" s="401"/>
      <c r="R24" s="401"/>
      <c r="S24" s="401"/>
      <c r="T24" s="401"/>
      <c r="U24" s="401"/>
      <c r="V24" s="401"/>
      <c r="W24" s="799"/>
      <c r="X24" s="792"/>
      <c r="Y24" s="505"/>
      <c r="Z24" s="505"/>
      <c r="AA24" s="505"/>
      <c r="AB24" s="505"/>
      <c r="AC24" s="218"/>
      <c r="AD24" s="218"/>
      <c r="AE24" s="218"/>
      <c r="AF24" s="218"/>
      <c r="AG24" s="218"/>
      <c r="AH24" s="218"/>
      <c r="AI24" s="218"/>
      <c r="AJ24" s="218"/>
      <c r="AK24" s="218"/>
      <c r="AL24" s="218"/>
      <c r="AM24" s="218"/>
      <c r="AN24" s="218"/>
      <c r="AO24" s="218"/>
      <c r="AP24" s="218"/>
      <c r="AQ24" s="218"/>
      <c r="AR24" s="218"/>
      <c r="AS24" s="218"/>
      <c r="AT24" s="218"/>
      <c r="AU24" s="218"/>
      <c r="AV24" s="218"/>
      <c r="AW24" s="218"/>
      <c r="AX24" s="218"/>
      <c r="AY24" s="218"/>
      <c r="AZ24" s="218"/>
      <c r="BA24" s="218"/>
      <c r="BB24" s="218"/>
      <c r="BC24" s="218"/>
      <c r="BD24" s="218"/>
      <c r="BE24" s="218"/>
      <c r="BF24" s="218"/>
      <c r="BG24" s="218"/>
      <c r="BH24" s="218"/>
      <c r="BI24" s="218"/>
      <c r="BJ24" s="218"/>
      <c r="BK24" s="218"/>
      <c r="BL24" s="218"/>
      <c r="BM24" s="218"/>
      <c r="BN24" s="218"/>
      <c r="BO24" s="218"/>
      <c r="BP24" s="218"/>
      <c r="BQ24" s="218"/>
      <c r="BR24" s="218"/>
      <c r="BS24" s="218"/>
      <c r="BT24" s="218"/>
      <c r="BU24" s="218"/>
      <c r="BV24" s="218"/>
      <c r="BW24" s="218"/>
      <c r="BX24" s="103"/>
      <c r="BY24" s="218"/>
      <c r="BZ24" s="218"/>
      <c r="CA24" s="218"/>
      <c r="CB24" s="218"/>
      <c r="CC24" s="218"/>
      <c r="CD24" s="218"/>
      <c r="CE24" s="371" t="str">
        <f t="shared" si="1"/>
        <v/>
      </c>
      <c r="CF24" s="371"/>
      <c r="CG24" s="371"/>
      <c r="CH24" s="371"/>
      <c r="CI24" s="371"/>
      <c r="CJ24" s="379"/>
      <c r="CK24" s="383"/>
      <c r="CL24" s="383"/>
      <c r="CM24" s="370"/>
      <c r="CN24" s="370"/>
      <c r="CO24" s="370"/>
      <c r="CP24" s="370"/>
      <c r="CQ24" s="370"/>
      <c r="CR24" s="370"/>
      <c r="CS24" s="370"/>
      <c r="CT24" s="262"/>
      <c r="CU24" s="262"/>
      <c r="CV24" s="262"/>
      <c r="CW24" s="262"/>
      <c r="CX24" s="371"/>
      <c r="CY24" s="371"/>
      <c r="CZ24" s="455"/>
    </row>
    <row r="25" spans="1:104" s="67" customFormat="1" ht="12">
      <c r="A25" s="72">
        <v>5</v>
      </c>
      <c r="B25" s="103"/>
      <c r="C25" s="807"/>
      <c r="D25" s="103"/>
      <c r="E25" s="103"/>
      <c r="F25" s="103"/>
      <c r="G25" s="103"/>
      <c r="H25" s="217"/>
      <c r="I25" s="217"/>
      <c r="J25" s="217"/>
      <c r="K25" s="353"/>
      <c r="L25" s="353"/>
      <c r="M25" s="401"/>
      <c r="N25" s="401"/>
      <c r="O25" s="789"/>
      <c r="P25" s="798"/>
      <c r="Q25" s="401"/>
      <c r="R25" s="401"/>
      <c r="S25" s="401"/>
      <c r="T25" s="401"/>
      <c r="U25" s="401"/>
      <c r="V25" s="401"/>
      <c r="W25" s="799"/>
      <c r="X25" s="792"/>
      <c r="Y25" s="505"/>
      <c r="Z25" s="505"/>
      <c r="AA25" s="505"/>
      <c r="AB25" s="505"/>
      <c r="AC25" s="218"/>
      <c r="AD25" s="218"/>
      <c r="AE25" s="218"/>
      <c r="AF25" s="218"/>
      <c r="AG25" s="218"/>
      <c r="AH25" s="218"/>
      <c r="AI25" s="218"/>
      <c r="AJ25" s="218"/>
      <c r="AK25" s="218"/>
      <c r="AL25" s="218"/>
      <c r="AM25" s="218"/>
      <c r="AN25" s="218"/>
      <c r="AO25" s="218"/>
      <c r="AP25" s="218"/>
      <c r="AQ25" s="218"/>
      <c r="AR25" s="218"/>
      <c r="AS25" s="218"/>
      <c r="AT25" s="218"/>
      <c r="AU25" s="218"/>
      <c r="AV25" s="218"/>
      <c r="AW25" s="218"/>
      <c r="AX25" s="218"/>
      <c r="AY25" s="218"/>
      <c r="AZ25" s="218"/>
      <c r="BA25" s="218"/>
      <c r="BB25" s="218"/>
      <c r="BC25" s="218"/>
      <c r="BD25" s="218"/>
      <c r="BE25" s="218"/>
      <c r="BF25" s="218"/>
      <c r="BG25" s="218"/>
      <c r="BH25" s="218"/>
      <c r="BI25" s="218"/>
      <c r="BJ25" s="218"/>
      <c r="BK25" s="218"/>
      <c r="BL25" s="218"/>
      <c r="BM25" s="218"/>
      <c r="BN25" s="218"/>
      <c r="BO25" s="218"/>
      <c r="BP25" s="218"/>
      <c r="BQ25" s="218"/>
      <c r="BR25" s="218"/>
      <c r="BS25" s="218"/>
      <c r="BT25" s="218"/>
      <c r="BU25" s="218"/>
      <c r="BV25" s="218"/>
      <c r="BW25" s="218"/>
      <c r="BX25" s="103"/>
      <c r="BY25" s="218"/>
      <c r="BZ25" s="218"/>
      <c r="CA25" s="218"/>
      <c r="CB25" s="218"/>
      <c r="CC25" s="218"/>
      <c r="CD25" s="218"/>
      <c r="CE25" s="371" t="str">
        <f t="shared" si="1"/>
        <v/>
      </c>
      <c r="CF25" s="371"/>
      <c r="CG25" s="371"/>
      <c r="CH25" s="371"/>
      <c r="CI25" s="371"/>
      <c r="CJ25" s="379"/>
      <c r="CK25" s="383"/>
      <c r="CL25" s="383"/>
      <c r="CM25" s="370"/>
      <c r="CN25" s="370"/>
      <c r="CO25" s="370"/>
      <c r="CP25" s="370"/>
      <c r="CQ25" s="370"/>
      <c r="CR25" s="370"/>
      <c r="CS25" s="370"/>
      <c r="CT25" s="262"/>
      <c r="CU25" s="262"/>
      <c r="CV25" s="262"/>
      <c r="CW25" s="262"/>
      <c r="CX25" s="371"/>
      <c r="CY25" s="371"/>
      <c r="CZ25" s="455"/>
    </row>
    <row r="26" spans="1:104" s="67" customFormat="1" ht="12">
      <c r="A26" s="72">
        <v>6</v>
      </c>
      <c r="B26" s="103"/>
      <c r="C26" s="807"/>
      <c r="D26" s="103"/>
      <c r="E26" s="103"/>
      <c r="F26" s="103"/>
      <c r="G26" s="103"/>
      <c r="H26" s="217"/>
      <c r="I26" s="217"/>
      <c r="J26" s="217"/>
      <c r="K26" s="353"/>
      <c r="L26" s="353"/>
      <c r="M26" s="401"/>
      <c r="N26" s="401"/>
      <c r="O26" s="789"/>
      <c r="P26" s="798"/>
      <c r="Q26" s="401"/>
      <c r="R26" s="401"/>
      <c r="S26" s="401"/>
      <c r="T26" s="401"/>
      <c r="U26" s="401"/>
      <c r="V26" s="401"/>
      <c r="W26" s="799"/>
      <c r="X26" s="792"/>
      <c r="Y26" s="505"/>
      <c r="Z26" s="505"/>
      <c r="AA26" s="505"/>
      <c r="AB26" s="505"/>
      <c r="AC26" s="218"/>
      <c r="AD26" s="218"/>
      <c r="AE26" s="218"/>
      <c r="AF26" s="218"/>
      <c r="AG26" s="218"/>
      <c r="AH26" s="218"/>
      <c r="AI26" s="218"/>
      <c r="AJ26" s="218"/>
      <c r="AK26" s="218"/>
      <c r="AL26" s="218"/>
      <c r="AM26" s="218"/>
      <c r="AN26" s="218"/>
      <c r="AO26" s="218"/>
      <c r="AP26" s="218"/>
      <c r="AQ26" s="218"/>
      <c r="AR26" s="218"/>
      <c r="AS26" s="218"/>
      <c r="AT26" s="218"/>
      <c r="AU26" s="218"/>
      <c r="AV26" s="218"/>
      <c r="AW26" s="218"/>
      <c r="AX26" s="218"/>
      <c r="AY26" s="218"/>
      <c r="AZ26" s="218"/>
      <c r="BA26" s="218"/>
      <c r="BB26" s="218"/>
      <c r="BC26" s="218"/>
      <c r="BD26" s="218"/>
      <c r="BE26" s="218"/>
      <c r="BF26" s="218"/>
      <c r="BG26" s="218"/>
      <c r="BH26" s="218"/>
      <c r="BI26" s="218"/>
      <c r="BJ26" s="218"/>
      <c r="BK26" s="218"/>
      <c r="BL26" s="218"/>
      <c r="BM26" s="218"/>
      <c r="BN26" s="218"/>
      <c r="BO26" s="218"/>
      <c r="BP26" s="218"/>
      <c r="BQ26" s="218"/>
      <c r="BR26" s="218"/>
      <c r="BS26" s="218"/>
      <c r="BT26" s="218"/>
      <c r="BU26" s="218"/>
      <c r="BV26" s="218"/>
      <c r="BW26" s="218"/>
      <c r="BX26" s="103"/>
      <c r="BY26" s="218"/>
      <c r="BZ26" s="218"/>
      <c r="CA26" s="218"/>
      <c r="CB26" s="218"/>
      <c r="CC26" s="218"/>
      <c r="CD26" s="218"/>
      <c r="CE26" s="371" t="str">
        <f t="shared" si="1"/>
        <v/>
      </c>
      <c r="CF26" s="371"/>
      <c r="CG26" s="371"/>
      <c r="CH26" s="371"/>
      <c r="CI26" s="371"/>
      <c r="CJ26" s="379"/>
      <c r="CK26" s="383"/>
      <c r="CL26" s="383"/>
      <c r="CM26" s="370"/>
      <c r="CN26" s="370"/>
      <c r="CO26" s="370"/>
      <c r="CP26" s="370"/>
      <c r="CQ26" s="370"/>
      <c r="CR26" s="370"/>
      <c r="CS26" s="370"/>
      <c r="CT26" s="262"/>
      <c r="CU26" s="262"/>
      <c r="CV26" s="262"/>
      <c r="CW26" s="262"/>
      <c r="CX26" s="371"/>
      <c r="CY26" s="371"/>
      <c r="CZ26" s="455"/>
    </row>
    <row r="27" spans="1:104" s="67" customFormat="1" ht="12">
      <c r="A27" s="72">
        <v>7</v>
      </c>
      <c r="B27" s="103"/>
      <c r="C27" s="807"/>
      <c r="D27" s="103"/>
      <c r="E27" s="103"/>
      <c r="F27" s="103"/>
      <c r="G27" s="103"/>
      <c r="H27" s="217"/>
      <c r="I27" s="217"/>
      <c r="J27" s="217"/>
      <c r="K27" s="353"/>
      <c r="L27" s="353"/>
      <c r="M27" s="401"/>
      <c r="N27" s="401"/>
      <c r="O27" s="789"/>
      <c r="P27" s="798"/>
      <c r="Q27" s="401"/>
      <c r="R27" s="401"/>
      <c r="S27" s="401"/>
      <c r="T27" s="401"/>
      <c r="U27" s="401"/>
      <c r="V27" s="401"/>
      <c r="W27" s="799"/>
      <c r="X27" s="792"/>
      <c r="Y27" s="505"/>
      <c r="Z27" s="505"/>
      <c r="AA27" s="505"/>
      <c r="AB27" s="505"/>
      <c r="AC27" s="218"/>
      <c r="AD27" s="218"/>
      <c r="AE27" s="218"/>
      <c r="AF27" s="218"/>
      <c r="AG27" s="218"/>
      <c r="AH27" s="218"/>
      <c r="AI27" s="218"/>
      <c r="AJ27" s="218"/>
      <c r="AK27" s="218"/>
      <c r="AL27" s="218"/>
      <c r="AM27" s="218"/>
      <c r="AN27" s="218"/>
      <c r="AO27" s="218"/>
      <c r="AP27" s="218"/>
      <c r="AQ27" s="218"/>
      <c r="AR27" s="218"/>
      <c r="AS27" s="218"/>
      <c r="AT27" s="218"/>
      <c r="AU27" s="218"/>
      <c r="AV27" s="218"/>
      <c r="AW27" s="218"/>
      <c r="AX27" s="218"/>
      <c r="AY27" s="218"/>
      <c r="AZ27" s="218"/>
      <c r="BA27" s="218"/>
      <c r="BB27" s="218"/>
      <c r="BC27" s="218"/>
      <c r="BD27" s="218"/>
      <c r="BE27" s="218"/>
      <c r="BF27" s="218"/>
      <c r="BG27" s="218"/>
      <c r="BH27" s="218"/>
      <c r="BI27" s="218"/>
      <c r="BJ27" s="218"/>
      <c r="BK27" s="218"/>
      <c r="BL27" s="218"/>
      <c r="BM27" s="218"/>
      <c r="BN27" s="218"/>
      <c r="BO27" s="218"/>
      <c r="BP27" s="218"/>
      <c r="BQ27" s="218"/>
      <c r="BR27" s="218"/>
      <c r="BS27" s="218"/>
      <c r="BT27" s="218"/>
      <c r="BU27" s="218"/>
      <c r="BV27" s="218"/>
      <c r="BW27" s="218"/>
      <c r="BX27" s="103"/>
      <c r="BY27" s="218"/>
      <c r="BZ27" s="218"/>
      <c r="CA27" s="218"/>
      <c r="CB27" s="218"/>
      <c r="CC27" s="218"/>
      <c r="CD27" s="218"/>
      <c r="CE27" s="371" t="str">
        <f t="shared" si="1"/>
        <v/>
      </c>
      <c r="CF27" s="371"/>
      <c r="CG27" s="371"/>
      <c r="CH27" s="371"/>
      <c r="CI27" s="371"/>
      <c r="CJ27" s="379"/>
      <c r="CK27" s="383"/>
      <c r="CL27" s="383"/>
      <c r="CM27" s="370"/>
      <c r="CN27" s="370"/>
      <c r="CO27" s="370"/>
      <c r="CP27" s="370"/>
      <c r="CQ27" s="370"/>
      <c r="CR27" s="370"/>
      <c r="CS27" s="370"/>
      <c r="CT27" s="262"/>
      <c r="CU27" s="262"/>
      <c r="CV27" s="262"/>
      <c r="CW27" s="262"/>
      <c r="CX27" s="371"/>
      <c r="CY27" s="371"/>
      <c r="CZ27" s="455"/>
    </row>
    <row r="28" spans="1:104" s="67" customFormat="1" ht="12">
      <c r="A28" s="72">
        <v>8</v>
      </c>
      <c r="B28" s="103"/>
      <c r="C28" s="807"/>
      <c r="D28" s="103"/>
      <c r="E28" s="103"/>
      <c r="F28" s="103"/>
      <c r="G28" s="103"/>
      <c r="H28" s="217"/>
      <c r="I28" s="217"/>
      <c r="J28" s="217"/>
      <c r="K28" s="353"/>
      <c r="L28" s="353"/>
      <c r="M28" s="401"/>
      <c r="N28" s="401"/>
      <c r="O28" s="789"/>
      <c r="P28" s="798"/>
      <c r="Q28" s="401"/>
      <c r="R28" s="401"/>
      <c r="S28" s="401"/>
      <c r="T28" s="401"/>
      <c r="U28" s="401"/>
      <c r="V28" s="401"/>
      <c r="W28" s="799"/>
      <c r="X28" s="792"/>
      <c r="Y28" s="505"/>
      <c r="Z28" s="505"/>
      <c r="AA28" s="505"/>
      <c r="AB28" s="505"/>
      <c r="AC28" s="218"/>
      <c r="AD28" s="218"/>
      <c r="AE28" s="218"/>
      <c r="AF28" s="218"/>
      <c r="AG28" s="218"/>
      <c r="AH28" s="218"/>
      <c r="AI28" s="218"/>
      <c r="AJ28" s="218"/>
      <c r="AK28" s="218"/>
      <c r="AL28" s="218"/>
      <c r="AM28" s="218"/>
      <c r="AN28" s="218"/>
      <c r="AO28" s="218"/>
      <c r="AP28" s="218"/>
      <c r="AQ28" s="218"/>
      <c r="AR28" s="218"/>
      <c r="AS28" s="218"/>
      <c r="AT28" s="218"/>
      <c r="AU28" s="218"/>
      <c r="AV28" s="218"/>
      <c r="AW28" s="218"/>
      <c r="AX28" s="218"/>
      <c r="AY28" s="218"/>
      <c r="AZ28" s="218"/>
      <c r="BA28" s="218"/>
      <c r="BB28" s="218"/>
      <c r="BC28" s="218"/>
      <c r="BD28" s="218"/>
      <c r="BE28" s="218"/>
      <c r="BF28" s="218"/>
      <c r="BG28" s="218"/>
      <c r="BH28" s="218"/>
      <c r="BI28" s="218"/>
      <c r="BJ28" s="218"/>
      <c r="BK28" s="218"/>
      <c r="BL28" s="218"/>
      <c r="BM28" s="218"/>
      <c r="BN28" s="218"/>
      <c r="BO28" s="218"/>
      <c r="BP28" s="218"/>
      <c r="BQ28" s="218"/>
      <c r="BR28" s="218"/>
      <c r="BS28" s="218"/>
      <c r="BT28" s="218"/>
      <c r="BU28" s="218"/>
      <c r="BV28" s="218"/>
      <c r="BW28" s="218"/>
      <c r="BX28" s="103"/>
      <c r="BY28" s="218"/>
      <c r="BZ28" s="218"/>
      <c r="CA28" s="218"/>
      <c r="CB28" s="218"/>
      <c r="CC28" s="218"/>
      <c r="CD28" s="218"/>
      <c r="CE28" s="371" t="str">
        <f t="shared" si="1"/>
        <v/>
      </c>
      <c r="CF28" s="371"/>
      <c r="CG28" s="371"/>
      <c r="CH28" s="371"/>
      <c r="CI28" s="371"/>
      <c r="CJ28" s="379"/>
      <c r="CK28" s="383"/>
      <c r="CL28" s="383"/>
      <c r="CM28" s="370"/>
      <c r="CN28" s="370"/>
      <c r="CO28" s="370"/>
      <c r="CP28" s="370"/>
      <c r="CQ28" s="370"/>
      <c r="CR28" s="370"/>
      <c r="CS28" s="370"/>
      <c r="CT28" s="262"/>
      <c r="CU28" s="262"/>
      <c r="CV28" s="262"/>
      <c r="CW28" s="262"/>
      <c r="CX28" s="371"/>
      <c r="CY28" s="371"/>
      <c r="CZ28" s="455"/>
    </row>
    <row r="29" spans="1:104" s="67" customFormat="1" ht="12">
      <c r="A29" s="72">
        <v>9</v>
      </c>
      <c r="B29" s="103"/>
      <c r="C29" s="807"/>
      <c r="D29" s="103"/>
      <c r="E29" s="103"/>
      <c r="F29" s="103"/>
      <c r="G29" s="103"/>
      <c r="H29" s="217"/>
      <c r="I29" s="217"/>
      <c r="J29" s="217"/>
      <c r="K29" s="353"/>
      <c r="L29" s="353"/>
      <c r="M29" s="401"/>
      <c r="N29" s="401"/>
      <c r="O29" s="789"/>
      <c r="P29" s="798"/>
      <c r="Q29" s="401"/>
      <c r="R29" s="401"/>
      <c r="S29" s="401"/>
      <c r="T29" s="401"/>
      <c r="U29" s="401"/>
      <c r="V29" s="401"/>
      <c r="W29" s="799"/>
      <c r="X29" s="792"/>
      <c r="Y29" s="505"/>
      <c r="Z29" s="505"/>
      <c r="AA29" s="505"/>
      <c r="AB29" s="505"/>
      <c r="AC29" s="218"/>
      <c r="AD29" s="218"/>
      <c r="AE29" s="218"/>
      <c r="AF29" s="218"/>
      <c r="AG29" s="218"/>
      <c r="AH29" s="218"/>
      <c r="AI29" s="218"/>
      <c r="AJ29" s="218"/>
      <c r="AK29" s="218"/>
      <c r="AL29" s="218"/>
      <c r="AM29" s="218"/>
      <c r="AN29" s="218"/>
      <c r="AO29" s="218"/>
      <c r="AP29" s="218"/>
      <c r="AQ29" s="218"/>
      <c r="AR29" s="218"/>
      <c r="AS29" s="218"/>
      <c r="AT29" s="218"/>
      <c r="AU29" s="218"/>
      <c r="AV29" s="218"/>
      <c r="AW29" s="218"/>
      <c r="AX29" s="218"/>
      <c r="AY29" s="218"/>
      <c r="AZ29" s="218"/>
      <c r="BA29" s="218"/>
      <c r="BB29" s="218"/>
      <c r="BC29" s="218"/>
      <c r="BD29" s="218"/>
      <c r="BE29" s="218"/>
      <c r="BF29" s="218"/>
      <c r="BG29" s="218"/>
      <c r="BH29" s="218"/>
      <c r="BI29" s="218"/>
      <c r="BJ29" s="218"/>
      <c r="BK29" s="218"/>
      <c r="BL29" s="218"/>
      <c r="BM29" s="218"/>
      <c r="BN29" s="218"/>
      <c r="BO29" s="218"/>
      <c r="BP29" s="218"/>
      <c r="BQ29" s="218"/>
      <c r="BR29" s="218"/>
      <c r="BS29" s="218"/>
      <c r="BT29" s="218"/>
      <c r="BU29" s="218"/>
      <c r="BV29" s="218"/>
      <c r="BW29" s="218"/>
      <c r="BX29" s="103"/>
      <c r="BY29" s="218"/>
      <c r="BZ29" s="218"/>
      <c r="CA29" s="218"/>
      <c r="CB29" s="218"/>
      <c r="CC29" s="218"/>
      <c r="CD29" s="218"/>
      <c r="CE29" s="371" t="str">
        <f t="shared" si="1"/>
        <v/>
      </c>
      <c r="CF29" s="371"/>
      <c r="CG29" s="371"/>
      <c r="CH29" s="371"/>
      <c r="CI29" s="371"/>
      <c r="CJ29" s="379"/>
      <c r="CK29" s="383"/>
      <c r="CL29" s="383"/>
      <c r="CM29" s="370"/>
      <c r="CN29" s="370"/>
      <c r="CO29" s="370"/>
      <c r="CP29" s="370"/>
      <c r="CQ29" s="370"/>
      <c r="CR29" s="370"/>
      <c r="CS29" s="370"/>
      <c r="CT29" s="262"/>
      <c r="CU29" s="262"/>
      <c r="CV29" s="262"/>
      <c r="CW29" s="262"/>
      <c r="CX29" s="371"/>
      <c r="CY29" s="371"/>
      <c r="CZ29" s="455"/>
    </row>
    <row r="30" spans="1:104" s="67" customFormat="1" ht="12">
      <c r="A30" s="72">
        <v>10</v>
      </c>
      <c r="B30" s="103"/>
      <c r="C30" s="807"/>
      <c r="D30" s="103"/>
      <c r="E30" s="103"/>
      <c r="F30" s="103"/>
      <c r="G30" s="103"/>
      <c r="H30" s="217"/>
      <c r="I30" s="217"/>
      <c r="J30" s="217"/>
      <c r="K30" s="353"/>
      <c r="L30" s="353"/>
      <c r="M30" s="401"/>
      <c r="N30" s="401"/>
      <c r="O30" s="789"/>
      <c r="P30" s="798"/>
      <c r="Q30" s="401"/>
      <c r="R30" s="401"/>
      <c r="S30" s="401"/>
      <c r="T30" s="401"/>
      <c r="U30" s="401"/>
      <c r="V30" s="401"/>
      <c r="W30" s="799"/>
      <c r="X30" s="792"/>
      <c r="Y30" s="505"/>
      <c r="Z30" s="505"/>
      <c r="AA30" s="505"/>
      <c r="AB30" s="505"/>
      <c r="AC30" s="218"/>
      <c r="AD30" s="218"/>
      <c r="AE30" s="218"/>
      <c r="AF30" s="218"/>
      <c r="AG30" s="218"/>
      <c r="AH30" s="218"/>
      <c r="AI30" s="218"/>
      <c r="AJ30" s="218"/>
      <c r="AK30" s="218"/>
      <c r="AL30" s="218"/>
      <c r="AM30" s="218"/>
      <c r="AN30" s="218"/>
      <c r="AO30" s="218"/>
      <c r="AP30" s="218"/>
      <c r="AQ30" s="218"/>
      <c r="AR30" s="218"/>
      <c r="AS30" s="218"/>
      <c r="AT30" s="218"/>
      <c r="AU30" s="218"/>
      <c r="AV30" s="218"/>
      <c r="AW30" s="218"/>
      <c r="AX30" s="218"/>
      <c r="AY30" s="218"/>
      <c r="AZ30" s="218"/>
      <c r="BA30" s="218"/>
      <c r="BB30" s="218"/>
      <c r="BC30" s="218"/>
      <c r="BD30" s="218"/>
      <c r="BE30" s="218"/>
      <c r="BF30" s="218"/>
      <c r="BG30" s="218"/>
      <c r="BH30" s="218"/>
      <c r="BI30" s="218"/>
      <c r="BJ30" s="218"/>
      <c r="BK30" s="218"/>
      <c r="BL30" s="218"/>
      <c r="BM30" s="218"/>
      <c r="BN30" s="218"/>
      <c r="BO30" s="218"/>
      <c r="BP30" s="218"/>
      <c r="BQ30" s="218"/>
      <c r="BR30" s="218"/>
      <c r="BS30" s="218"/>
      <c r="BT30" s="218"/>
      <c r="BU30" s="218"/>
      <c r="BV30" s="218"/>
      <c r="BW30" s="218"/>
      <c r="BX30" s="103"/>
      <c r="BY30" s="218"/>
      <c r="BZ30" s="218"/>
      <c r="CA30" s="218"/>
      <c r="CB30" s="218"/>
      <c r="CC30" s="218"/>
      <c r="CD30" s="218"/>
      <c r="CE30" s="371" t="str">
        <f t="shared" si="1"/>
        <v/>
      </c>
      <c r="CF30" s="371"/>
      <c r="CG30" s="371"/>
      <c r="CH30" s="371"/>
      <c r="CI30" s="371"/>
      <c r="CJ30" s="379"/>
      <c r="CK30" s="383"/>
      <c r="CL30" s="383"/>
      <c r="CM30" s="370"/>
      <c r="CN30" s="370"/>
      <c r="CO30" s="370"/>
      <c r="CP30" s="370"/>
      <c r="CQ30" s="370"/>
      <c r="CR30" s="370"/>
      <c r="CS30" s="370"/>
      <c r="CT30" s="262"/>
      <c r="CU30" s="262"/>
      <c r="CV30" s="262"/>
      <c r="CW30" s="262"/>
      <c r="CX30" s="371"/>
      <c r="CY30" s="371"/>
      <c r="CZ30" s="455"/>
    </row>
    <row r="31" spans="1:104" s="67" customFormat="1" ht="12">
      <c r="A31" s="72">
        <v>11</v>
      </c>
      <c r="B31" s="103"/>
      <c r="C31" s="807"/>
      <c r="D31" s="103"/>
      <c r="E31" s="103"/>
      <c r="F31" s="103"/>
      <c r="G31" s="103"/>
      <c r="H31" s="217"/>
      <c r="I31" s="217"/>
      <c r="J31" s="217"/>
      <c r="K31" s="353"/>
      <c r="L31" s="353"/>
      <c r="M31" s="401"/>
      <c r="N31" s="401"/>
      <c r="O31" s="789"/>
      <c r="P31" s="798"/>
      <c r="Q31" s="401"/>
      <c r="R31" s="401"/>
      <c r="S31" s="401"/>
      <c r="T31" s="401"/>
      <c r="U31" s="401"/>
      <c r="V31" s="401"/>
      <c r="W31" s="799"/>
      <c r="X31" s="792"/>
      <c r="Y31" s="505"/>
      <c r="Z31" s="505"/>
      <c r="AA31" s="505"/>
      <c r="AB31" s="505"/>
      <c r="AC31" s="218"/>
      <c r="AD31" s="218"/>
      <c r="AE31" s="218"/>
      <c r="AF31" s="218"/>
      <c r="AG31" s="218"/>
      <c r="AH31" s="218"/>
      <c r="AI31" s="218"/>
      <c r="AJ31" s="218"/>
      <c r="AK31" s="218"/>
      <c r="AL31" s="218"/>
      <c r="AM31" s="218"/>
      <c r="AN31" s="218"/>
      <c r="AO31" s="218"/>
      <c r="AP31" s="218"/>
      <c r="AQ31" s="218"/>
      <c r="AR31" s="218"/>
      <c r="AS31" s="218"/>
      <c r="AT31" s="218"/>
      <c r="AU31" s="218"/>
      <c r="AV31" s="218"/>
      <c r="AW31" s="218"/>
      <c r="AX31" s="218"/>
      <c r="AY31" s="218"/>
      <c r="AZ31" s="218"/>
      <c r="BA31" s="218"/>
      <c r="BB31" s="218"/>
      <c r="BC31" s="218"/>
      <c r="BD31" s="218"/>
      <c r="BE31" s="218"/>
      <c r="BF31" s="218"/>
      <c r="BG31" s="218"/>
      <c r="BH31" s="218"/>
      <c r="BI31" s="218"/>
      <c r="BJ31" s="218"/>
      <c r="BK31" s="218"/>
      <c r="BL31" s="218"/>
      <c r="BM31" s="218"/>
      <c r="BN31" s="218"/>
      <c r="BO31" s="218"/>
      <c r="BP31" s="218"/>
      <c r="BQ31" s="218"/>
      <c r="BR31" s="218"/>
      <c r="BS31" s="218"/>
      <c r="BT31" s="218"/>
      <c r="BU31" s="218"/>
      <c r="BV31" s="218"/>
      <c r="BW31" s="218"/>
      <c r="BX31" s="103"/>
      <c r="BY31" s="218"/>
      <c r="BZ31" s="218"/>
      <c r="CA31" s="218"/>
      <c r="CB31" s="218"/>
      <c r="CC31" s="218"/>
      <c r="CD31" s="218"/>
      <c r="CE31" s="371" t="str">
        <f t="shared" si="1"/>
        <v/>
      </c>
      <c r="CF31" s="371"/>
      <c r="CG31" s="371"/>
      <c r="CH31" s="371"/>
      <c r="CI31" s="371"/>
      <c r="CJ31" s="379"/>
      <c r="CK31" s="383"/>
      <c r="CL31" s="383"/>
      <c r="CM31" s="370"/>
      <c r="CN31" s="370"/>
      <c r="CO31" s="370"/>
      <c r="CP31" s="370"/>
      <c r="CQ31" s="370"/>
      <c r="CR31" s="370"/>
      <c r="CS31" s="370"/>
      <c r="CT31" s="262"/>
      <c r="CU31" s="262"/>
      <c r="CV31" s="262"/>
      <c r="CW31" s="262"/>
      <c r="CX31" s="371"/>
      <c r="CY31" s="371"/>
      <c r="CZ31" s="455"/>
    </row>
    <row r="32" spans="1:104" s="67" customFormat="1" ht="12">
      <c r="A32" s="72">
        <v>12</v>
      </c>
      <c r="B32" s="103"/>
      <c r="C32" s="807"/>
      <c r="D32" s="103"/>
      <c r="E32" s="103"/>
      <c r="F32" s="103"/>
      <c r="G32" s="103"/>
      <c r="H32" s="217"/>
      <c r="I32" s="217"/>
      <c r="J32" s="217"/>
      <c r="K32" s="353"/>
      <c r="L32" s="353"/>
      <c r="M32" s="401"/>
      <c r="N32" s="401"/>
      <c r="O32" s="789"/>
      <c r="P32" s="798"/>
      <c r="Q32" s="401"/>
      <c r="R32" s="401"/>
      <c r="S32" s="401"/>
      <c r="T32" s="401"/>
      <c r="U32" s="401"/>
      <c r="V32" s="401"/>
      <c r="W32" s="799"/>
      <c r="X32" s="792"/>
      <c r="Y32" s="505"/>
      <c r="Z32" s="505"/>
      <c r="AA32" s="505"/>
      <c r="AB32" s="505"/>
      <c r="AC32" s="218"/>
      <c r="AD32" s="218"/>
      <c r="AE32" s="218"/>
      <c r="AF32" s="218"/>
      <c r="AG32" s="218"/>
      <c r="AH32" s="218"/>
      <c r="AI32" s="218"/>
      <c r="AJ32" s="218"/>
      <c r="AK32" s="218"/>
      <c r="AL32" s="218"/>
      <c r="AM32" s="218"/>
      <c r="AN32" s="218"/>
      <c r="AO32" s="218"/>
      <c r="AP32" s="218"/>
      <c r="AQ32" s="218"/>
      <c r="AR32" s="218"/>
      <c r="AS32" s="218"/>
      <c r="AT32" s="218"/>
      <c r="AU32" s="218"/>
      <c r="AV32" s="218"/>
      <c r="AW32" s="218"/>
      <c r="AX32" s="218"/>
      <c r="AY32" s="218"/>
      <c r="AZ32" s="218"/>
      <c r="BA32" s="218"/>
      <c r="BB32" s="218"/>
      <c r="BC32" s="218"/>
      <c r="BD32" s="218"/>
      <c r="BE32" s="218"/>
      <c r="BF32" s="218"/>
      <c r="BG32" s="218"/>
      <c r="BH32" s="218"/>
      <c r="BI32" s="218"/>
      <c r="BJ32" s="218"/>
      <c r="BK32" s="218"/>
      <c r="BL32" s="218"/>
      <c r="BM32" s="218"/>
      <c r="BN32" s="218"/>
      <c r="BO32" s="218"/>
      <c r="BP32" s="218"/>
      <c r="BQ32" s="218"/>
      <c r="BR32" s="218"/>
      <c r="BS32" s="218"/>
      <c r="BT32" s="218"/>
      <c r="BU32" s="218"/>
      <c r="BV32" s="218"/>
      <c r="BW32" s="218"/>
      <c r="BX32" s="103"/>
      <c r="BY32" s="218"/>
      <c r="BZ32" s="218"/>
      <c r="CA32" s="218"/>
      <c r="CB32" s="218"/>
      <c r="CC32" s="218"/>
      <c r="CD32" s="218"/>
      <c r="CE32" s="371" t="str">
        <f t="shared" si="1"/>
        <v/>
      </c>
      <c r="CF32" s="371"/>
      <c r="CG32" s="371"/>
      <c r="CH32" s="371"/>
      <c r="CI32" s="371"/>
      <c r="CJ32" s="379"/>
      <c r="CK32" s="383"/>
      <c r="CL32" s="383"/>
      <c r="CM32" s="370"/>
      <c r="CN32" s="370"/>
      <c r="CO32" s="370"/>
      <c r="CP32" s="370"/>
      <c r="CQ32" s="370"/>
      <c r="CR32" s="370"/>
      <c r="CS32" s="370"/>
      <c r="CT32" s="262"/>
      <c r="CU32" s="262"/>
      <c r="CV32" s="262"/>
      <c r="CW32" s="262"/>
      <c r="CX32" s="371"/>
      <c r="CY32" s="371"/>
      <c r="CZ32" s="455"/>
    </row>
    <row r="33" spans="1:104" s="67" customFormat="1" ht="12">
      <c r="A33" s="72">
        <v>13</v>
      </c>
      <c r="B33" s="103"/>
      <c r="C33" s="807"/>
      <c r="D33" s="103"/>
      <c r="E33" s="103"/>
      <c r="F33" s="103"/>
      <c r="G33" s="103"/>
      <c r="H33" s="217"/>
      <c r="I33" s="217"/>
      <c r="J33" s="217"/>
      <c r="K33" s="353"/>
      <c r="L33" s="353"/>
      <c r="M33" s="401"/>
      <c r="N33" s="401"/>
      <c r="O33" s="789"/>
      <c r="P33" s="798"/>
      <c r="Q33" s="401"/>
      <c r="R33" s="401"/>
      <c r="S33" s="401"/>
      <c r="T33" s="401"/>
      <c r="U33" s="401"/>
      <c r="V33" s="401"/>
      <c r="W33" s="799"/>
      <c r="X33" s="792"/>
      <c r="Y33" s="505"/>
      <c r="Z33" s="505"/>
      <c r="AA33" s="505"/>
      <c r="AB33" s="505"/>
      <c r="AC33" s="218"/>
      <c r="AD33" s="218"/>
      <c r="AE33" s="218"/>
      <c r="AF33" s="218"/>
      <c r="AG33" s="218"/>
      <c r="AH33" s="218"/>
      <c r="AI33" s="218"/>
      <c r="AJ33" s="218"/>
      <c r="AK33" s="218"/>
      <c r="AL33" s="218"/>
      <c r="AM33" s="218"/>
      <c r="AN33" s="218"/>
      <c r="AO33" s="218"/>
      <c r="AP33" s="218"/>
      <c r="AQ33" s="218"/>
      <c r="AR33" s="218"/>
      <c r="AS33" s="218"/>
      <c r="AT33" s="218"/>
      <c r="AU33" s="218"/>
      <c r="AV33" s="218"/>
      <c r="AW33" s="218"/>
      <c r="AX33" s="218"/>
      <c r="AY33" s="218"/>
      <c r="AZ33" s="218"/>
      <c r="BA33" s="218"/>
      <c r="BB33" s="218"/>
      <c r="BC33" s="218"/>
      <c r="BD33" s="218"/>
      <c r="BE33" s="218"/>
      <c r="BF33" s="218"/>
      <c r="BG33" s="218"/>
      <c r="BH33" s="218"/>
      <c r="BI33" s="218"/>
      <c r="BJ33" s="218"/>
      <c r="BK33" s="218"/>
      <c r="BL33" s="218"/>
      <c r="BM33" s="218"/>
      <c r="BN33" s="218"/>
      <c r="BO33" s="218"/>
      <c r="BP33" s="218"/>
      <c r="BQ33" s="218"/>
      <c r="BR33" s="218"/>
      <c r="BS33" s="218"/>
      <c r="BT33" s="218"/>
      <c r="BU33" s="218"/>
      <c r="BV33" s="218"/>
      <c r="BW33" s="218"/>
      <c r="BX33" s="103"/>
      <c r="BY33" s="218"/>
      <c r="BZ33" s="218"/>
      <c r="CA33" s="218"/>
      <c r="CB33" s="218"/>
      <c r="CC33" s="218"/>
      <c r="CD33" s="218"/>
      <c r="CE33" s="371" t="str">
        <f t="shared" si="1"/>
        <v/>
      </c>
      <c r="CF33" s="371"/>
      <c r="CG33" s="371"/>
      <c r="CH33" s="371"/>
      <c r="CI33" s="371"/>
      <c r="CJ33" s="379"/>
      <c r="CK33" s="383"/>
      <c r="CL33" s="383"/>
      <c r="CM33" s="370"/>
      <c r="CN33" s="370"/>
      <c r="CO33" s="370"/>
      <c r="CP33" s="370"/>
      <c r="CQ33" s="370"/>
      <c r="CR33" s="370"/>
      <c r="CS33" s="370"/>
      <c r="CT33" s="262"/>
      <c r="CU33" s="262"/>
      <c r="CV33" s="262"/>
      <c r="CW33" s="262"/>
      <c r="CX33" s="371"/>
      <c r="CY33" s="371"/>
      <c r="CZ33" s="455"/>
    </row>
    <row r="34" spans="1:104" s="67" customFormat="1" ht="12">
      <c r="A34" s="72">
        <v>14</v>
      </c>
      <c r="B34" s="103"/>
      <c r="C34" s="807"/>
      <c r="D34" s="103"/>
      <c r="E34" s="103"/>
      <c r="F34" s="103"/>
      <c r="G34" s="103"/>
      <c r="H34" s="217"/>
      <c r="I34" s="217"/>
      <c r="J34" s="217"/>
      <c r="K34" s="353"/>
      <c r="L34" s="353"/>
      <c r="M34" s="401"/>
      <c r="N34" s="401"/>
      <c r="O34" s="789"/>
      <c r="P34" s="798"/>
      <c r="Q34" s="401"/>
      <c r="R34" s="401"/>
      <c r="S34" s="401"/>
      <c r="T34" s="401"/>
      <c r="U34" s="401"/>
      <c r="V34" s="401"/>
      <c r="W34" s="799"/>
      <c r="X34" s="792"/>
      <c r="Y34" s="505"/>
      <c r="Z34" s="505"/>
      <c r="AA34" s="505"/>
      <c r="AB34" s="505"/>
      <c r="AC34" s="218"/>
      <c r="AD34" s="218"/>
      <c r="AE34" s="218"/>
      <c r="AF34" s="218"/>
      <c r="AG34" s="218"/>
      <c r="AH34" s="218"/>
      <c r="AI34" s="218"/>
      <c r="AJ34" s="218"/>
      <c r="AK34" s="218"/>
      <c r="AL34" s="218"/>
      <c r="AM34" s="218"/>
      <c r="AN34" s="218"/>
      <c r="AO34" s="218"/>
      <c r="AP34" s="218"/>
      <c r="AQ34" s="218"/>
      <c r="AR34" s="218"/>
      <c r="AS34" s="218"/>
      <c r="AT34" s="218"/>
      <c r="AU34" s="218"/>
      <c r="AV34" s="218"/>
      <c r="AW34" s="218"/>
      <c r="AX34" s="218"/>
      <c r="AY34" s="218"/>
      <c r="AZ34" s="218"/>
      <c r="BA34" s="218"/>
      <c r="BB34" s="218"/>
      <c r="BC34" s="218"/>
      <c r="BD34" s="218"/>
      <c r="BE34" s="218"/>
      <c r="BF34" s="218"/>
      <c r="BG34" s="218"/>
      <c r="BH34" s="218"/>
      <c r="BI34" s="218"/>
      <c r="BJ34" s="218"/>
      <c r="BK34" s="218"/>
      <c r="BL34" s="218"/>
      <c r="BM34" s="218"/>
      <c r="BN34" s="218"/>
      <c r="BO34" s="218"/>
      <c r="BP34" s="218"/>
      <c r="BQ34" s="218"/>
      <c r="BR34" s="218"/>
      <c r="BS34" s="218"/>
      <c r="BT34" s="218"/>
      <c r="BU34" s="218"/>
      <c r="BV34" s="218"/>
      <c r="BW34" s="218"/>
      <c r="BX34" s="103"/>
      <c r="BY34" s="218"/>
      <c r="BZ34" s="218"/>
      <c r="CA34" s="218"/>
      <c r="CB34" s="218"/>
      <c r="CC34" s="218"/>
      <c r="CD34" s="218"/>
      <c r="CE34" s="371" t="str">
        <f t="shared" si="1"/>
        <v/>
      </c>
      <c r="CF34" s="371"/>
      <c r="CG34" s="371"/>
      <c r="CH34" s="371"/>
      <c r="CI34" s="371"/>
      <c r="CJ34" s="379"/>
      <c r="CK34" s="383"/>
      <c r="CL34" s="383"/>
      <c r="CM34" s="370"/>
      <c r="CN34" s="370"/>
      <c r="CO34" s="370"/>
      <c r="CP34" s="370"/>
      <c r="CQ34" s="370"/>
      <c r="CR34" s="370"/>
      <c r="CS34" s="370"/>
      <c r="CT34" s="262"/>
      <c r="CU34" s="262"/>
      <c r="CV34" s="262"/>
      <c r="CW34" s="262"/>
      <c r="CX34" s="371"/>
      <c r="CY34" s="371"/>
      <c r="CZ34" s="455"/>
    </row>
    <row r="35" spans="1:104" s="67" customFormat="1" ht="12">
      <c r="A35" s="72">
        <v>15</v>
      </c>
      <c r="B35" s="103"/>
      <c r="C35" s="807"/>
      <c r="D35" s="103"/>
      <c r="E35" s="103"/>
      <c r="F35" s="103"/>
      <c r="G35" s="103"/>
      <c r="H35" s="217"/>
      <c r="I35" s="217"/>
      <c r="J35" s="217"/>
      <c r="K35" s="353"/>
      <c r="L35" s="353"/>
      <c r="M35" s="401"/>
      <c r="N35" s="401"/>
      <c r="O35" s="789"/>
      <c r="P35" s="798"/>
      <c r="Q35" s="401"/>
      <c r="R35" s="401"/>
      <c r="S35" s="401"/>
      <c r="T35" s="401"/>
      <c r="U35" s="401"/>
      <c r="V35" s="401"/>
      <c r="W35" s="799"/>
      <c r="X35" s="792"/>
      <c r="Y35" s="505"/>
      <c r="Z35" s="505"/>
      <c r="AA35" s="505"/>
      <c r="AB35" s="505"/>
      <c r="AC35" s="218"/>
      <c r="AD35" s="218"/>
      <c r="AE35" s="218"/>
      <c r="AF35" s="218"/>
      <c r="AG35" s="218"/>
      <c r="AH35" s="218"/>
      <c r="AI35" s="218"/>
      <c r="AJ35" s="218"/>
      <c r="AK35" s="218"/>
      <c r="AL35" s="218"/>
      <c r="AM35" s="218"/>
      <c r="AN35" s="218"/>
      <c r="AO35" s="218"/>
      <c r="AP35" s="218"/>
      <c r="AQ35" s="218"/>
      <c r="AR35" s="218"/>
      <c r="AS35" s="218"/>
      <c r="AT35" s="218"/>
      <c r="AU35" s="218"/>
      <c r="AV35" s="218"/>
      <c r="AW35" s="218"/>
      <c r="AX35" s="218"/>
      <c r="AY35" s="218"/>
      <c r="AZ35" s="218"/>
      <c r="BA35" s="218"/>
      <c r="BB35" s="218"/>
      <c r="BC35" s="218"/>
      <c r="BD35" s="218"/>
      <c r="BE35" s="218"/>
      <c r="BF35" s="218"/>
      <c r="BG35" s="218"/>
      <c r="BH35" s="218"/>
      <c r="BI35" s="218"/>
      <c r="BJ35" s="218"/>
      <c r="BK35" s="218"/>
      <c r="BL35" s="218"/>
      <c r="BM35" s="218"/>
      <c r="BN35" s="218"/>
      <c r="BO35" s="218"/>
      <c r="BP35" s="218"/>
      <c r="BQ35" s="218"/>
      <c r="BR35" s="218"/>
      <c r="BS35" s="218"/>
      <c r="BT35" s="218"/>
      <c r="BU35" s="218"/>
      <c r="BV35" s="218"/>
      <c r="BW35" s="218"/>
      <c r="BX35" s="103"/>
      <c r="BY35" s="218"/>
      <c r="BZ35" s="218"/>
      <c r="CA35" s="218"/>
      <c r="CB35" s="218"/>
      <c r="CC35" s="218"/>
      <c r="CD35" s="218"/>
      <c r="CE35" s="371" t="str">
        <f t="shared" si="1"/>
        <v/>
      </c>
      <c r="CF35" s="371"/>
      <c r="CG35" s="371"/>
      <c r="CH35" s="371"/>
      <c r="CI35" s="371"/>
      <c r="CJ35" s="379"/>
      <c r="CK35" s="383"/>
      <c r="CL35" s="383"/>
      <c r="CM35" s="370"/>
      <c r="CN35" s="370"/>
      <c r="CO35" s="370"/>
      <c r="CP35" s="370"/>
      <c r="CQ35" s="370"/>
      <c r="CR35" s="370"/>
      <c r="CS35" s="370"/>
      <c r="CT35" s="262"/>
      <c r="CU35" s="262"/>
      <c r="CV35" s="262"/>
      <c r="CW35" s="262"/>
      <c r="CX35" s="371"/>
      <c r="CY35" s="371"/>
      <c r="CZ35" s="455"/>
    </row>
    <row r="36" spans="1:104" s="67" customFormat="1" ht="12">
      <c r="A36" s="72">
        <v>16</v>
      </c>
      <c r="B36" s="103"/>
      <c r="C36" s="807"/>
      <c r="D36" s="103"/>
      <c r="E36" s="103"/>
      <c r="F36" s="103"/>
      <c r="G36" s="103"/>
      <c r="H36" s="217"/>
      <c r="I36" s="217"/>
      <c r="J36" s="217"/>
      <c r="K36" s="353"/>
      <c r="L36" s="353"/>
      <c r="M36" s="401"/>
      <c r="N36" s="401"/>
      <c r="O36" s="789"/>
      <c r="P36" s="798"/>
      <c r="Q36" s="401"/>
      <c r="R36" s="401"/>
      <c r="S36" s="401"/>
      <c r="T36" s="401"/>
      <c r="U36" s="401"/>
      <c r="V36" s="401"/>
      <c r="W36" s="799"/>
      <c r="X36" s="792"/>
      <c r="Y36" s="505"/>
      <c r="Z36" s="505"/>
      <c r="AA36" s="505"/>
      <c r="AB36" s="505"/>
      <c r="AC36" s="218"/>
      <c r="AD36" s="218"/>
      <c r="AE36" s="218"/>
      <c r="AF36" s="218"/>
      <c r="AG36" s="218"/>
      <c r="AH36" s="218"/>
      <c r="AI36" s="218"/>
      <c r="AJ36" s="218"/>
      <c r="AK36" s="218"/>
      <c r="AL36" s="218"/>
      <c r="AM36" s="218"/>
      <c r="AN36" s="218"/>
      <c r="AO36" s="218"/>
      <c r="AP36" s="218"/>
      <c r="AQ36" s="218"/>
      <c r="AR36" s="218"/>
      <c r="AS36" s="218"/>
      <c r="AT36" s="218"/>
      <c r="AU36" s="218"/>
      <c r="AV36" s="218"/>
      <c r="AW36" s="218"/>
      <c r="AX36" s="218"/>
      <c r="AY36" s="218"/>
      <c r="AZ36" s="218"/>
      <c r="BA36" s="218"/>
      <c r="BB36" s="218"/>
      <c r="BC36" s="218"/>
      <c r="BD36" s="218"/>
      <c r="BE36" s="218"/>
      <c r="BF36" s="218"/>
      <c r="BG36" s="218"/>
      <c r="BH36" s="218"/>
      <c r="BI36" s="218"/>
      <c r="BJ36" s="218"/>
      <c r="BK36" s="218"/>
      <c r="BL36" s="218"/>
      <c r="BM36" s="218"/>
      <c r="BN36" s="218"/>
      <c r="BO36" s="218"/>
      <c r="BP36" s="218"/>
      <c r="BQ36" s="218"/>
      <c r="BR36" s="218"/>
      <c r="BS36" s="218"/>
      <c r="BT36" s="218"/>
      <c r="BU36" s="218"/>
      <c r="BV36" s="218"/>
      <c r="BW36" s="218"/>
      <c r="BX36" s="103"/>
      <c r="BY36" s="218"/>
      <c r="BZ36" s="218"/>
      <c r="CA36" s="218"/>
      <c r="CB36" s="218"/>
      <c r="CC36" s="218"/>
      <c r="CD36" s="218"/>
      <c r="CE36" s="371" t="str">
        <f t="shared" si="1"/>
        <v/>
      </c>
      <c r="CF36" s="371"/>
      <c r="CG36" s="371"/>
      <c r="CH36" s="371"/>
      <c r="CI36" s="371"/>
      <c r="CJ36" s="379"/>
      <c r="CK36" s="383"/>
      <c r="CL36" s="383"/>
      <c r="CM36" s="370"/>
      <c r="CN36" s="370"/>
      <c r="CO36" s="370"/>
      <c r="CP36" s="370"/>
      <c r="CQ36" s="370"/>
      <c r="CR36" s="370"/>
      <c r="CS36" s="370"/>
      <c r="CT36" s="262"/>
      <c r="CU36" s="262"/>
      <c r="CV36" s="262"/>
      <c r="CW36" s="262"/>
      <c r="CX36" s="371"/>
      <c r="CY36" s="371"/>
      <c r="CZ36" s="455"/>
    </row>
    <row r="37" spans="1:104" s="67" customFormat="1" ht="12">
      <c r="A37" s="72">
        <v>17</v>
      </c>
      <c r="B37" s="103"/>
      <c r="C37" s="807"/>
      <c r="D37" s="103"/>
      <c r="E37" s="103"/>
      <c r="F37" s="103"/>
      <c r="G37" s="103"/>
      <c r="H37" s="217"/>
      <c r="I37" s="217"/>
      <c r="J37" s="217"/>
      <c r="K37" s="353"/>
      <c r="L37" s="353"/>
      <c r="M37" s="401"/>
      <c r="N37" s="401"/>
      <c r="O37" s="789"/>
      <c r="P37" s="798"/>
      <c r="Q37" s="401"/>
      <c r="R37" s="401"/>
      <c r="S37" s="401"/>
      <c r="T37" s="401"/>
      <c r="U37" s="401"/>
      <c r="V37" s="401"/>
      <c r="W37" s="799"/>
      <c r="X37" s="792"/>
      <c r="Y37" s="505"/>
      <c r="Z37" s="505"/>
      <c r="AA37" s="505"/>
      <c r="AB37" s="505"/>
      <c r="AC37" s="218"/>
      <c r="AD37" s="218"/>
      <c r="AE37" s="218"/>
      <c r="AF37" s="218"/>
      <c r="AG37" s="218"/>
      <c r="AH37" s="218"/>
      <c r="AI37" s="218"/>
      <c r="AJ37" s="218"/>
      <c r="AK37" s="218"/>
      <c r="AL37" s="218"/>
      <c r="AM37" s="218"/>
      <c r="AN37" s="218"/>
      <c r="AO37" s="218"/>
      <c r="AP37" s="218"/>
      <c r="AQ37" s="218"/>
      <c r="AR37" s="218"/>
      <c r="AS37" s="218"/>
      <c r="AT37" s="218"/>
      <c r="AU37" s="218"/>
      <c r="AV37" s="218"/>
      <c r="AW37" s="218"/>
      <c r="AX37" s="218"/>
      <c r="AY37" s="218"/>
      <c r="AZ37" s="218"/>
      <c r="BA37" s="218"/>
      <c r="BB37" s="218"/>
      <c r="BC37" s="218"/>
      <c r="BD37" s="218"/>
      <c r="BE37" s="218"/>
      <c r="BF37" s="218"/>
      <c r="BG37" s="218"/>
      <c r="BH37" s="218"/>
      <c r="BI37" s="218"/>
      <c r="BJ37" s="218"/>
      <c r="BK37" s="218"/>
      <c r="BL37" s="218"/>
      <c r="BM37" s="218"/>
      <c r="BN37" s="218"/>
      <c r="BO37" s="218"/>
      <c r="BP37" s="218"/>
      <c r="BQ37" s="218"/>
      <c r="BR37" s="218"/>
      <c r="BS37" s="218"/>
      <c r="BT37" s="218"/>
      <c r="BU37" s="218"/>
      <c r="BV37" s="218"/>
      <c r="BW37" s="218"/>
      <c r="BX37" s="103"/>
      <c r="BY37" s="218"/>
      <c r="BZ37" s="218"/>
      <c r="CA37" s="218"/>
      <c r="CB37" s="218"/>
      <c r="CC37" s="218"/>
      <c r="CD37" s="218"/>
      <c r="CE37" s="371" t="str">
        <f t="shared" si="1"/>
        <v/>
      </c>
      <c r="CF37" s="371"/>
      <c r="CG37" s="371"/>
      <c r="CH37" s="371"/>
      <c r="CI37" s="371"/>
      <c r="CJ37" s="379"/>
      <c r="CK37" s="383"/>
      <c r="CL37" s="383"/>
      <c r="CM37" s="370"/>
      <c r="CN37" s="370"/>
      <c r="CO37" s="370"/>
      <c r="CP37" s="370"/>
      <c r="CQ37" s="370"/>
      <c r="CR37" s="370"/>
      <c r="CS37" s="370"/>
      <c r="CT37" s="262"/>
      <c r="CU37" s="262"/>
      <c r="CV37" s="262"/>
      <c r="CW37" s="262"/>
      <c r="CX37" s="371"/>
      <c r="CY37" s="371"/>
      <c r="CZ37" s="455"/>
    </row>
    <row r="38" spans="1:104" s="67" customFormat="1" ht="12">
      <c r="A38" s="72">
        <v>18</v>
      </c>
      <c r="B38" s="103"/>
      <c r="C38" s="807"/>
      <c r="D38" s="103"/>
      <c r="E38" s="103"/>
      <c r="F38" s="103"/>
      <c r="G38" s="103"/>
      <c r="H38" s="217"/>
      <c r="I38" s="217"/>
      <c r="J38" s="217"/>
      <c r="K38" s="353"/>
      <c r="L38" s="353"/>
      <c r="M38" s="401"/>
      <c r="N38" s="401"/>
      <c r="O38" s="789"/>
      <c r="P38" s="798"/>
      <c r="Q38" s="401"/>
      <c r="R38" s="401"/>
      <c r="S38" s="401"/>
      <c r="T38" s="401"/>
      <c r="U38" s="401"/>
      <c r="V38" s="401"/>
      <c r="W38" s="799"/>
      <c r="X38" s="792"/>
      <c r="Y38" s="505"/>
      <c r="Z38" s="505"/>
      <c r="AA38" s="505"/>
      <c r="AB38" s="505"/>
      <c r="AC38" s="218"/>
      <c r="AD38" s="218"/>
      <c r="AE38" s="218"/>
      <c r="AF38" s="218"/>
      <c r="AG38" s="218"/>
      <c r="AH38" s="218"/>
      <c r="AI38" s="218"/>
      <c r="AJ38" s="218"/>
      <c r="AK38" s="218"/>
      <c r="AL38" s="218"/>
      <c r="AM38" s="218"/>
      <c r="AN38" s="218"/>
      <c r="AO38" s="218"/>
      <c r="AP38" s="218"/>
      <c r="AQ38" s="218"/>
      <c r="AR38" s="218"/>
      <c r="AS38" s="218"/>
      <c r="AT38" s="218"/>
      <c r="AU38" s="218"/>
      <c r="AV38" s="218"/>
      <c r="AW38" s="218"/>
      <c r="AX38" s="218"/>
      <c r="AY38" s="218"/>
      <c r="AZ38" s="218"/>
      <c r="BA38" s="218"/>
      <c r="BB38" s="218"/>
      <c r="BC38" s="218"/>
      <c r="BD38" s="218"/>
      <c r="BE38" s="218"/>
      <c r="BF38" s="218"/>
      <c r="BG38" s="218"/>
      <c r="BH38" s="218"/>
      <c r="BI38" s="218"/>
      <c r="BJ38" s="218"/>
      <c r="BK38" s="218"/>
      <c r="BL38" s="218"/>
      <c r="BM38" s="218"/>
      <c r="BN38" s="218"/>
      <c r="BO38" s="218"/>
      <c r="BP38" s="218"/>
      <c r="BQ38" s="218"/>
      <c r="BR38" s="218"/>
      <c r="BS38" s="218"/>
      <c r="BT38" s="218"/>
      <c r="BU38" s="218"/>
      <c r="BV38" s="218"/>
      <c r="BW38" s="218"/>
      <c r="BX38" s="103"/>
      <c r="BY38" s="218"/>
      <c r="BZ38" s="218"/>
      <c r="CA38" s="218"/>
      <c r="CB38" s="218"/>
      <c r="CC38" s="218"/>
      <c r="CD38" s="218"/>
      <c r="CE38" s="371" t="str">
        <f t="shared" si="1"/>
        <v/>
      </c>
      <c r="CF38" s="371"/>
      <c r="CG38" s="371"/>
      <c r="CH38" s="371"/>
      <c r="CI38" s="371"/>
      <c r="CJ38" s="379"/>
      <c r="CK38" s="383"/>
      <c r="CL38" s="383"/>
      <c r="CM38" s="370"/>
      <c r="CN38" s="370"/>
      <c r="CO38" s="370"/>
      <c r="CP38" s="370"/>
      <c r="CQ38" s="370"/>
      <c r="CR38" s="370"/>
      <c r="CS38" s="370"/>
      <c r="CT38" s="262"/>
      <c r="CU38" s="262"/>
      <c r="CV38" s="262"/>
      <c r="CW38" s="262"/>
      <c r="CX38" s="371"/>
      <c r="CY38" s="371"/>
      <c r="CZ38" s="455"/>
    </row>
    <row r="39" spans="1:104" s="67" customFormat="1" ht="12">
      <c r="A39" s="72">
        <v>19</v>
      </c>
      <c r="B39" s="103"/>
      <c r="C39" s="807"/>
      <c r="D39" s="103"/>
      <c r="E39" s="103"/>
      <c r="F39" s="103"/>
      <c r="G39" s="103"/>
      <c r="H39" s="217"/>
      <c r="I39" s="217"/>
      <c r="J39" s="217"/>
      <c r="K39" s="353"/>
      <c r="L39" s="353"/>
      <c r="M39" s="401"/>
      <c r="N39" s="401"/>
      <c r="O39" s="789"/>
      <c r="P39" s="798"/>
      <c r="Q39" s="401"/>
      <c r="R39" s="401"/>
      <c r="S39" s="401"/>
      <c r="T39" s="401"/>
      <c r="U39" s="401"/>
      <c r="V39" s="401"/>
      <c r="W39" s="799"/>
      <c r="X39" s="792"/>
      <c r="Y39" s="505"/>
      <c r="Z39" s="505"/>
      <c r="AA39" s="505"/>
      <c r="AB39" s="505"/>
      <c r="AC39" s="218"/>
      <c r="AD39" s="218"/>
      <c r="AE39" s="218"/>
      <c r="AF39" s="218"/>
      <c r="AG39" s="218"/>
      <c r="AH39" s="218"/>
      <c r="AI39" s="218"/>
      <c r="AJ39" s="218"/>
      <c r="AK39" s="218"/>
      <c r="AL39" s="218"/>
      <c r="AM39" s="218"/>
      <c r="AN39" s="218"/>
      <c r="AO39" s="218"/>
      <c r="AP39" s="218"/>
      <c r="AQ39" s="218"/>
      <c r="AR39" s="218"/>
      <c r="AS39" s="218"/>
      <c r="AT39" s="218"/>
      <c r="AU39" s="218"/>
      <c r="AV39" s="218"/>
      <c r="AW39" s="218"/>
      <c r="AX39" s="218"/>
      <c r="AY39" s="218"/>
      <c r="AZ39" s="218"/>
      <c r="BA39" s="218"/>
      <c r="BB39" s="218"/>
      <c r="BC39" s="218"/>
      <c r="BD39" s="218"/>
      <c r="BE39" s="218"/>
      <c r="BF39" s="218"/>
      <c r="BG39" s="218"/>
      <c r="BH39" s="218"/>
      <c r="BI39" s="218"/>
      <c r="BJ39" s="218"/>
      <c r="BK39" s="218"/>
      <c r="BL39" s="218"/>
      <c r="BM39" s="218"/>
      <c r="BN39" s="218"/>
      <c r="BO39" s="218"/>
      <c r="BP39" s="218"/>
      <c r="BQ39" s="218"/>
      <c r="BR39" s="218"/>
      <c r="BS39" s="218"/>
      <c r="BT39" s="218"/>
      <c r="BU39" s="218"/>
      <c r="BV39" s="218"/>
      <c r="BW39" s="218"/>
      <c r="BX39" s="103"/>
      <c r="BY39" s="218"/>
      <c r="BZ39" s="218"/>
      <c r="CA39" s="218"/>
      <c r="CB39" s="218"/>
      <c r="CC39" s="218"/>
      <c r="CD39" s="218"/>
      <c r="CE39" s="371" t="str">
        <f t="shared" si="1"/>
        <v/>
      </c>
      <c r="CF39" s="371"/>
      <c r="CG39" s="371"/>
      <c r="CH39" s="371"/>
      <c r="CI39" s="371"/>
      <c r="CJ39" s="379"/>
      <c r="CK39" s="383"/>
      <c r="CL39" s="383"/>
      <c r="CM39" s="370"/>
      <c r="CN39" s="370"/>
      <c r="CO39" s="370"/>
      <c r="CP39" s="370"/>
      <c r="CQ39" s="370"/>
      <c r="CR39" s="370"/>
      <c r="CS39" s="370"/>
      <c r="CT39" s="262"/>
      <c r="CU39" s="262"/>
      <c r="CV39" s="262"/>
      <c r="CW39" s="262"/>
      <c r="CX39" s="371"/>
      <c r="CY39" s="371"/>
      <c r="CZ39" s="455"/>
    </row>
    <row r="40" spans="1:104" s="67" customFormat="1" ht="12">
      <c r="A40" s="72">
        <v>20</v>
      </c>
      <c r="B40" s="103"/>
      <c r="C40" s="807"/>
      <c r="D40" s="103"/>
      <c r="E40" s="103"/>
      <c r="F40" s="103"/>
      <c r="G40" s="103"/>
      <c r="H40" s="217"/>
      <c r="I40" s="217"/>
      <c r="J40" s="217"/>
      <c r="K40" s="353"/>
      <c r="L40" s="353"/>
      <c r="M40" s="401"/>
      <c r="N40" s="401"/>
      <c r="O40" s="789"/>
      <c r="P40" s="798"/>
      <c r="Q40" s="401"/>
      <c r="R40" s="401"/>
      <c r="S40" s="401"/>
      <c r="T40" s="401"/>
      <c r="U40" s="401"/>
      <c r="V40" s="401"/>
      <c r="W40" s="799"/>
      <c r="X40" s="792"/>
      <c r="Y40" s="505"/>
      <c r="Z40" s="505"/>
      <c r="AA40" s="505"/>
      <c r="AB40" s="505"/>
      <c r="AC40" s="218"/>
      <c r="AD40" s="218"/>
      <c r="AE40" s="218"/>
      <c r="AF40" s="218"/>
      <c r="AG40" s="218"/>
      <c r="AH40" s="218"/>
      <c r="AI40" s="218"/>
      <c r="AJ40" s="218"/>
      <c r="AK40" s="218"/>
      <c r="AL40" s="218"/>
      <c r="AM40" s="218"/>
      <c r="AN40" s="218"/>
      <c r="AO40" s="218"/>
      <c r="AP40" s="218"/>
      <c r="AQ40" s="218"/>
      <c r="AR40" s="218"/>
      <c r="AS40" s="218"/>
      <c r="AT40" s="218"/>
      <c r="AU40" s="218"/>
      <c r="AV40" s="218"/>
      <c r="AW40" s="218"/>
      <c r="AX40" s="218"/>
      <c r="AY40" s="218"/>
      <c r="AZ40" s="218"/>
      <c r="BA40" s="218"/>
      <c r="BB40" s="218"/>
      <c r="BC40" s="218"/>
      <c r="BD40" s="218"/>
      <c r="BE40" s="218"/>
      <c r="BF40" s="218"/>
      <c r="BG40" s="218"/>
      <c r="BH40" s="218"/>
      <c r="BI40" s="218"/>
      <c r="BJ40" s="218"/>
      <c r="BK40" s="218"/>
      <c r="BL40" s="218"/>
      <c r="BM40" s="218"/>
      <c r="BN40" s="218"/>
      <c r="BO40" s="218"/>
      <c r="BP40" s="218"/>
      <c r="BQ40" s="218"/>
      <c r="BR40" s="218"/>
      <c r="BS40" s="218"/>
      <c r="BT40" s="218"/>
      <c r="BU40" s="218"/>
      <c r="BV40" s="218"/>
      <c r="BW40" s="218"/>
      <c r="BX40" s="103"/>
      <c r="BY40" s="218"/>
      <c r="BZ40" s="218"/>
      <c r="CA40" s="218"/>
      <c r="CB40" s="218"/>
      <c r="CC40" s="218"/>
      <c r="CD40" s="218"/>
      <c r="CE40" s="371" t="str">
        <f t="shared" si="1"/>
        <v/>
      </c>
      <c r="CF40" s="371"/>
      <c r="CG40" s="371"/>
      <c r="CH40" s="371"/>
      <c r="CI40" s="371"/>
      <c r="CJ40" s="379"/>
      <c r="CK40" s="383"/>
      <c r="CL40" s="383"/>
      <c r="CM40" s="370"/>
      <c r="CN40" s="370"/>
      <c r="CO40" s="370"/>
      <c r="CP40" s="370"/>
      <c r="CQ40" s="370"/>
      <c r="CR40" s="370"/>
      <c r="CS40" s="370"/>
      <c r="CT40" s="262"/>
      <c r="CU40" s="262"/>
      <c r="CV40" s="262"/>
      <c r="CW40" s="262"/>
      <c r="CX40" s="371"/>
      <c r="CY40" s="371"/>
      <c r="CZ40" s="455"/>
    </row>
    <row r="41" spans="1:104" s="67" customFormat="1" ht="12">
      <c r="A41" s="72">
        <v>21</v>
      </c>
      <c r="B41" s="103"/>
      <c r="C41" s="807"/>
      <c r="D41" s="103"/>
      <c r="E41" s="103"/>
      <c r="F41" s="103"/>
      <c r="G41" s="103"/>
      <c r="H41" s="217"/>
      <c r="I41" s="217"/>
      <c r="J41" s="217"/>
      <c r="K41" s="353"/>
      <c r="L41" s="353"/>
      <c r="M41" s="401"/>
      <c r="N41" s="401"/>
      <c r="O41" s="789"/>
      <c r="P41" s="798"/>
      <c r="Q41" s="401"/>
      <c r="R41" s="401"/>
      <c r="S41" s="401"/>
      <c r="T41" s="401"/>
      <c r="U41" s="401"/>
      <c r="V41" s="401"/>
      <c r="W41" s="799"/>
      <c r="X41" s="792"/>
      <c r="Y41" s="505"/>
      <c r="Z41" s="505"/>
      <c r="AA41" s="505"/>
      <c r="AB41" s="505"/>
      <c r="AC41" s="218"/>
      <c r="AD41" s="218"/>
      <c r="AE41" s="218"/>
      <c r="AF41" s="218"/>
      <c r="AG41" s="218"/>
      <c r="AH41" s="218"/>
      <c r="AI41" s="218"/>
      <c r="AJ41" s="218"/>
      <c r="AK41" s="218"/>
      <c r="AL41" s="218"/>
      <c r="AM41" s="218"/>
      <c r="AN41" s="218"/>
      <c r="AO41" s="218"/>
      <c r="AP41" s="218"/>
      <c r="AQ41" s="218"/>
      <c r="AR41" s="218"/>
      <c r="AS41" s="218"/>
      <c r="AT41" s="218"/>
      <c r="AU41" s="218"/>
      <c r="AV41" s="218"/>
      <c r="AW41" s="218"/>
      <c r="AX41" s="218"/>
      <c r="AY41" s="218"/>
      <c r="AZ41" s="218"/>
      <c r="BA41" s="218"/>
      <c r="BB41" s="218"/>
      <c r="BC41" s="218"/>
      <c r="BD41" s="218"/>
      <c r="BE41" s="218"/>
      <c r="BF41" s="218"/>
      <c r="BG41" s="218"/>
      <c r="BH41" s="218"/>
      <c r="BI41" s="218"/>
      <c r="BJ41" s="218"/>
      <c r="BK41" s="218"/>
      <c r="BL41" s="218"/>
      <c r="BM41" s="218"/>
      <c r="BN41" s="218"/>
      <c r="BO41" s="218"/>
      <c r="BP41" s="218"/>
      <c r="BQ41" s="218"/>
      <c r="BR41" s="218"/>
      <c r="BS41" s="218"/>
      <c r="BT41" s="218"/>
      <c r="BU41" s="218"/>
      <c r="BV41" s="218"/>
      <c r="BW41" s="218"/>
      <c r="BX41" s="103"/>
      <c r="BY41" s="218"/>
      <c r="BZ41" s="218"/>
      <c r="CA41" s="218"/>
      <c r="CB41" s="218"/>
      <c r="CC41" s="218"/>
      <c r="CD41" s="218"/>
      <c r="CE41" s="371" t="str">
        <f t="shared" si="1"/>
        <v/>
      </c>
      <c r="CF41" s="371"/>
      <c r="CG41" s="371"/>
      <c r="CH41" s="371"/>
      <c r="CI41" s="371"/>
      <c r="CJ41" s="379"/>
      <c r="CK41" s="383"/>
      <c r="CL41" s="383"/>
      <c r="CM41" s="370"/>
      <c r="CN41" s="370"/>
      <c r="CO41" s="370"/>
      <c r="CP41" s="370"/>
      <c r="CQ41" s="370"/>
      <c r="CR41" s="370"/>
      <c r="CS41" s="370"/>
      <c r="CT41" s="262"/>
      <c r="CU41" s="262"/>
      <c r="CV41" s="262"/>
      <c r="CW41" s="262"/>
      <c r="CX41" s="371"/>
      <c r="CY41" s="371"/>
      <c r="CZ41" s="455"/>
    </row>
    <row r="42" spans="1:104" s="67" customFormat="1" ht="12">
      <c r="A42" s="72">
        <v>22</v>
      </c>
      <c r="B42" s="103"/>
      <c r="C42" s="807"/>
      <c r="D42" s="103"/>
      <c r="E42" s="103"/>
      <c r="F42" s="103"/>
      <c r="G42" s="103"/>
      <c r="H42" s="217"/>
      <c r="I42" s="217"/>
      <c r="J42" s="217"/>
      <c r="K42" s="353"/>
      <c r="L42" s="353"/>
      <c r="M42" s="401"/>
      <c r="N42" s="401"/>
      <c r="O42" s="789"/>
      <c r="P42" s="798"/>
      <c r="Q42" s="401"/>
      <c r="R42" s="401"/>
      <c r="S42" s="401"/>
      <c r="T42" s="401"/>
      <c r="U42" s="401"/>
      <c r="V42" s="401"/>
      <c r="W42" s="799"/>
      <c r="X42" s="792"/>
      <c r="Y42" s="505"/>
      <c r="Z42" s="505"/>
      <c r="AA42" s="505"/>
      <c r="AB42" s="505"/>
      <c r="AC42" s="218"/>
      <c r="AD42" s="218"/>
      <c r="AE42" s="218"/>
      <c r="AF42" s="218"/>
      <c r="AG42" s="218"/>
      <c r="AH42" s="218"/>
      <c r="AI42" s="218"/>
      <c r="AJ42" s="218"/>
      <c r="AK42" s="218"/>
      <c r="AL42" s="218"/>
      <c r="AM42" s="218"/>
      <c r="AN42" s="218"/>
      <c r="AO42" s="218"/>
      <c r="AP42" s="218"/>
      <c r="AQ42" s="218"/>
      <c r="AR42" s="218"/>
      <c r="AS42" s="218"/>
      <c r="AT42" s="218"/>
      <c r="AU42" s="218"/>
      <c r="AV42" s="218"/>
      <c r="AW42" s="218"/>
      <c r="AX42" s="218"/>
      <c r="AY42" s="218"/>
      <c r="AZ42" s="218"/>
      <c r="BA42" s="218"/>
      <c r="BB42" s="218"/>
      <c r="BC42" s="218"/>
      <c r="BD42" s="218"/>
      <c r="BE42" s="218"/>
      <c r="BF42" s="218"/>
      <c r="BG42" s="218"/>
      <c r="BH42" s="218"/>
      <c r="BI42" s="218"/>
      <c r="BJ42" s="218"/>
      <c r="BK42" s="218"/>
      <c r="BL42" s="218"/>
      <c r="BM42" s="218"/>
      <c r="BN42" s="218"/>
      <c r="BO42" s="218"/>
      <c r="BP42" s="218"/>
      <c r="BQ42" s="218"/>
      <c r="BR42" s="218"/>
      <c r="BS42" s="218"/>
      <c r="BT42" s="218"/>
      <c r="BU42" s="218"/>
      <c r="BV42" s="218"/>
      <c r="BW42" s="218"/>
      <c r="BX42" s="103"/>
      <c r="BY42" s="218"/>
      <c r="BZ42" s="218"/>
      <c r="CA42" s="218"/>
      <c r="CB42" s="218"/>
      <c r="CC42" s="218"/>
      <c r="CD42" s="218"/>
      <c r="CE42" s="371" t="str">
        <f t="shared" si="1"/>
        <v/>
      </c>
      <c r="CF42" s="371"/>
      <c r="CG42" s="371"/>
      <c r="CH42" s="371"/>
      <c r="CI42" s="371"/>
      <c r="CJ42" s="379"/>
      <c r="CK42" s="383"/>
      <c r="CL42" s="383"/>
      <c r="CM42" s="370"/>
      <c r="CN42" s="370"/>
      <c r="CO42" s="370"/>
      <c r="CP42" s="370"/>
      <c r="CQ42" s="370"/>
      <c r="CR42" s="370"/>
      <c r="CS42" s="370"/>
      <c r="CT42" s="262"/>
      <c r="CU42" s="262"/>
      <c r="CV42" s="262"/>
      <c r="CW42" s="262"/>
      <c r="CX42" s="371"/>
      <c r="CY42" s="371"/>
      <c r="CZ42" s="455"/>
    </row>
    <row r="43" spans="1:104" s="67" customFormat="1" ht="12">
      <c r="A43" s="72">
        <v>23</v>
      </c>
      <c r="B43" s="103"/>
      <c r="C43" s="807"/>
      <c r="D43" s="103"/>
      <c r="E43" s="103"/>
      <c r="F43" s="103"/>
      <c r="G43" s="103"/>
      <c r="H43" s="217"/>
      <c r="I43" s="217"/>
      <c r="J43" s="217"/>
      <c r="K43" s="353"/>
      <c r="L43" s="353"/>
      <c r="M43" s="401"/>
      <c r="N43" s="401"/>
      <c r="O43" s="789"/>
      <c r="P43" s="798"/>
      <c r="Q43" s="401"/>
      <c r="R43" s="401"/>
      <c r="S43" s="401"/>
      <c r="T43" s="401"/>
      <c r="U43" s="401"/>
      <c r="V43" s="401"/>
      <c r="W43" s="799"/>
      <c r="X43" s="792"/>
      <c r="Y43" s="505"/>
      <c r="Z43" s="505"/>
      <c r="AA43" s="505"/>
      <c r="AB43" s="505"/>
      <c r="AC43" s="218"/>
      <c r="AD43" s="218"/>
      <c r="AE43" s="218"/>
      <c r="AF43" s="218"/>
      <c r="AG43" s="218"/>
      <c r="AH43" s="218"/>
      <c r="AI43" s="218"/>
      <c r="AJ43" s="218"/>
      <c r="AK43" s="218"/>
      <c r="AL43" s="218"/>
      <c r="AM43" s="218"/>
      <c r="AN43" s="218"/>
      <c r="AO43" s="218"/>
      <c r="AP43" s="218"/>
      <c r="AQ43" s="218"/>
      <c r="AR43" s="218"/>
      <c r="AS43" s="218"/>
      <c r="AT43" s="218"/>
      <c r="AU43" s="218"/>
      <c r="AV43" s="218"/>
      <c r="AW43" s="218"/>
      <c r="AX43" s="218"/>
      <c r="AY43" s="218"/>
      <c r="AZ43" s="218"/>
      <c r="BA43" s="218"/>
      <c r="BB43" s="218"/>
      <c r="BC43" s="218"/>
      <c r="BD43" s="218"/>
      <c r="BE43" s="218"/>
      <c r="BF43" s="218"/>
      <c r="BG43" s="218"/>
      <c r="BH43" s="218"/>
      <c r="BI43" s="218"/>
      <c r="BJ43" s="218"/>
      <c r="BK43" s="218"/>
      <c r="BL43" s="218"/>
      <c r="BM43" s="218"/>
      <c r="BN43" s="218"/>
      <c r="BO43" s="218"/>
      <c r="BP43" s="218"/>
      <c r="BQ43" s="218"/>
      <c r="BR43" s="218"/>
      <c r="BS43" s="218"/>
      <c r="BT43" s="218"/>
      <c r="BU43" s="218"/>
      <c r="BV43" s="218"/>
      <c r="BW43" s="218"/>
      <c r="BX43" s="103"/>
      <c r="BY43" s="218"/>
      <c r="BZ43" s="218"/>
      <c r="CA43" s="218"/>
      <c r="CB43" s="218"/>
      <c r="CC43" s="218"/>
      <c r="CD43" s="218"/>
      <c r="CE43" s="371" t="str">
        <f t="shared" si="1"/>
        <v/>
      </c>
      <c r="CF43" s="371"/>
      <c r="CG43" s="371"/>
      <c r="CH43" s="371"/>
      <c r="CI43" s="371"/>
      <c r="CJ43" s="379"/>
      <c r="CK43" s="383"/>
      <c r="CL43" s="383"/>
      <c r="CM43" s="370"/>
      <c r="CN43" s="370"/>
      <c r="CO43" s="370"/>
      <c r="CP43" s="370"/>
      <c r="CQ43" s="370"/>
      <c r="CR43" s="370"/>
      <c r="CS43" s="370"/>
      <c r="CT43" s="262"/>
      <c r="CU43" s="262"/>
      <c r="CV43" s="262"/>
      <c r="CW43" s="262"/>
      <c r="CX43" s="371"/>
      <c r="CY43" s="371"/>
      <c r="CZ43" s="455"/>
    </row>
    <row r="44" spans="1:104" s="67" customFormat="1" ht="12">
      <c r="A44" s="72">
        <v>24</v>
      </c>
      <c r="B44" s="103"/>
      <c r="C44" s="807"/>
      <c r="D44" s="103"/>
      <c r="E44" s="103"/>
      <c r="F44" s="103"/>
      <c r="G44" s="103"/>
      <c r="H44" s="217"/>
      <c r="I44" s="217"/>
      <c r="J44" s="217"/>
      <c r="K44" s="353"/>
      <c r="L44" s="353"/>
      <c r="M44" s="401"/>
      <c r="N44" s="401"/>
      <c r="O44" s="789"/>
      <c r="P44" s="798"/>
      <c r="Q44" s="401"/>
      <c r="R44" s="401"/>
      <c r="S44" s="401"/>
      <c r="T44" s="401"/>
      <c r="U44" s="401"/>
      <c r="V44" s="401"/>
      <c r="W44" s="799"/>
      <c r="X44" s="792"/>
      <c r="Y44" s="505"/>
      <c r="Z44" s="505"/>
      <c r="AA44" s="505"/>
      <c r="AB44" s="505"/>
      <c r="AC44" s="218"/>
      <c r="AD44" s="218"/>
      <c r="AE44" s="218"/>
      <c r="AF44" s="218"/>
      <c r="AG44" s="218"/>
      <c r="AH44" s="218"/>
      <c r="AI44" s="218"/>
      <c r="AJ44" s="218"/>
      <c r="AK44" s="218"/>
      <c r="AL44" s="218"/>
      <c r="AM44" s="218"/>
      <c r="AN44" s="218"/>
      <c r="AO44" s="218"/>
      <c r="AP44" s="218"/>
      <c r="AQ44" s="218"/>
      <c r="AR44" s="218"/>
      <c r="AS44" s="218"/>
      <c r="AT44" s="218"/>
      <c r="AU44" s="218"/>
      <c r="AV44" s="218"/>
      <c r="AW44" s="218"/>
      <c r="AX44" s="218"/>
      <c r="AY44" s="218"/>
      <c r="AZ44" s="218"/>
      <c r="BA44" s="218"/>
      <c r="BB44" s="218"/>
      <c r="BC44" s="218"/>
      <c r="BD44" s="218"/>
      <c r="BE44" s="218"/>
      <c r="BF44" s="218"/>
      <c r="BG44" s="218"/>
      <c r="BH44" s="218"/>
      <c r="BI44" s="218"/>
      <c r="BJ44" s="218"/>
      <c r="BK44" s="218"/>
      <c r="BL44" s="218"/>
      <c r="BM44" s="218"/>
      <c r="BN44" s="218"/>
      <c r="BO44" s="218"/>
      <c r="BP44" s="218"/>
      <c r="BQ44" s="218"/>
      <c r="BR44" s="218"/>
      <c r="BS44" s="218"/>
      <c r="BT44" s="218"/>
      <c r="BU44" s="218"/>
      <c r="BV44" s="218"/>
      <c r="BW44" s="218"/>
      <c r="BX44" s="103"/>
      <c r="BY44" s="218"/>
      <c r="BZ44" s="218"/>
      <c r="CA44" s="218"/>
      <c r="CB44" s="218"/>
      <c r="CC44" s="218"/>
      <c r="CD44" s="218"/>
      <c r="CE44" s="371" t="str">
        <f t="shared" si="1"/>
        <v/>
      </c>
      <c r="CF44" s="371"/>
      <c r="CG44" s="371"/>
      <c r="CH44" s="371"/>
      <c r="CI44" s="371"/>
      <c r="CJ44" s="379"/>
      <c r="CK44" s="383"/>
      <c r="CL44" s="383"/>
      <c r="CM44" s="370"/>
      <c r="CN44" s="370"/>
      <c r="CO44" s="370"/>
      <c r="CP44" s="370"/>
      <c r="CQ44" s="370"/>
      <c r="CR44" s="370"/>
      <c r="CS44" s="370"/>
      <c r="CT44" s="262"/>
      <c r="CU44" s="262"/>
      <c r="CV44" s="262"/>
      <c r="CW44" s="262"/>
      <c r="CX44" s="371"/>
      <c r="CY44" s="371"/>
      <c r="CZ44" s="455"/>
    </row>
    <row r="45" spans="1:104" s="67" customFormat="1" ht="12">
      <c r="A45" s="72">
        <v>25</v>
      </c>
      <c r="B45" s="103"/>
      <c r="C45" s="807"/>
      <c r="D45" s="103"/>
      <c r="E45" s="103"/>
      <c r="F45" s="103"/>
      <c r="G45" s="103"/>
      <c r="H45" s="217"/>
      <c r="I45" s="217"/>
      <c r="J45" s="217"/>
      <c r="K45" s="353"/>
      <c r="L45" s="353"/>
      <c r="M45" s="401"/>
      <c r="N45" s="401"/>
      <c r="O45" s="789"/>
      <c r="P45" s="798"/>
      <c r="Q45" s="401"/>
      <c r="R45" s="401"/>
      <c r="S45" s="401"/>
      <c r="T45" s="401"/>
      <c r="U45" s="401"/>
      <c r="V45" s="401"/>
      <c r="W45" s="799"/>
      <c r="X45" s="792"/>
      <c r="Y45" s="505"/>
      <c r="Z45" s="505"/>
      <c r="AA45" s="505"/>
      <c r="AB45" s="505"/>
      <c r="AC45" s="218"/>
      <c r="AD45" s="218"/>
      <c r="AE45" s="218"/>
      <c r="AF45" s="218"/>
      <c r="AG45" s="218"/>
      <c r="AH45" s="218"/>
      <c r="AI45" s="218"/>
      <c r="AJ45" s="218"/>
      <c r="AK45" s="218"/>
      <c r="AL45" s="218"/>
      <c r="AM45" s="218"/>
      <c r="AN45" s="218"/>
      <c r="AO45" s="218"/>
      <c r="AP45" s="218"/>
      <c r="AQ45" s="218"/>
      <c r="AR45" s="218"/>
      <c r="AS45" s="218"/>
      <c r="AT45" s="218"/>
      <c r="AU45" s="218"/>
      <c r="AV45" s="218"/>
      <c r="AW45" s="218"/>
      <c r="AX45" s="218"/>
      <c r="AY45" s="218"/>
      <c r="AZ45" s="218"/>
      <c r="BA45" s="218"/>
      <c r="BB45" s="218"/>
      <c r="BC45" s="218"/>
      <c r="BD45" s="218"/>
      <c r="BE45" s="218"/>
      <c r="BF45" s="218"/>
      <c r="BG45" s="218"/>
      <c r="BH45" s="218"/>
      <c r="BI45" s="218"/>
      <c r="BJ45" s="218"/>
      <c r="BK45" s="218"/>
      <c r="BL45" s="218"/>
      <c r="BM45" s="218"/>
      <c r="BN45" s="218"/>
      <c r="BO45" s="218"/>
      <c r="BP45" s="218"/>
      <c r="BQ45" s="218"/>
      <c r="BR45" s="218"/>
      <c r="BS45" s="218"/>
      <c r="BT45" s="218"/>
      <c r="BU45" s="218"/>
      <c r="BV45" s="218"/>
      <c r="BW45" s="218"/>
      <c r="BX45" s="103"/>
      <c r="BY45" s="218"/>
      <c r="BZ45" s="218"/>
      <c r="CA45" s="218"/>
      <c r="CB45" s="218"/>
      <c r="CC45" s="218"/>
      <c r="CD45" s="218"/>
      <c r="CE45" s="371" t="str">
        <f t="shared" si="1"/>
        <v/>
      </c>
      <c r="CF45" s="371"/>
      <c r="CG45" s="371"/>
      <c r="CH45" s="371"/>
      <c r="CI45" s="371"/>
      <c r="CJ45" s="379"/>
      <c r="CK45" s="383"/>
      <c r="CL45" s="383"/>
      <c r="CM45" s="370"/>
      <c r="CN45" s="370"/>
      <c r="CO45" s="370"/>
      <c r="CP45" s="370"/>
      <c r="CQ45" s="370"/>
      <c r="CR45" s="370"/>
      <c r="CS45" s="370"/>
      <c r="CT45" s="262"/>
      <c r="CU45" s="262"/>
      <c r="CV45" s="262"/>
      <c r="CW45" s="262"/>
      <c r="CX45" s="371"/>
      <c r="CY45" s="371"/>
      <c r="CZ45" s="455"/>
    </row>
    <row r="46" spans="1:104" s="67" customFormat="1" ht="12">
      <c r="A46" s="72">
        <v>26</v>
      </c>
      <c r="B46" s="103"/>
      <c r="C46" s="807"/>
      <c r="D46" s="103"/>
      <c r="E46" s="103"/>
      <c r="F46" s="103"/>
      <c r="G46" s="103"/>
      <c r="H46" s="217"/>
      <c r="I46" s="217"/>
      <c r="J46" s="217"/>
      <c r="K46" s="353"/>
      <c r="L46" s="353"/>
      <c r="M46" s="401"/>
      <c r="N46" s="401"/>
      <c r="O46" s="789"/>
      <c r="P46" s="798"/>
      <c r="Q46" s="401"/>
      <c r="R46" s="401"/>
      <c r="S46" s="401"/>
      <c r="T46" s="401"/>
      <c r="U46" s="401"/>
      <c r="V46" s="401"/>
      <c r="W46" s="799"/>
      <c r="X46" s="792"/>
      <c r="Y46" s="505"/>
      <c r="Z46" s="505"/>
      <c r="AA46" s="505"/>
      <c r="AB46" s="505"/>
      <c r="AC46" s="218"/>
      <c r="AD46" s="218"/>
      <c r="AE46" s="218"/>
      <c r="AF46" s="218"/>
      <c r="AG46" s="218"/>
      <c r="AH46" s="218"/>
      <c r="AI46" s="218"/>
      <c r="AJ46" s="218"/>
      <c r="AK46" s="218"/>
      <c r="AL46" s="218"/>
      <c r="AM46" s="218"/>
      <c r="AN46" s="218"/>
      <c r="AO46" s="218"/>
      <c r="AP46" s="218"/>
      <c r="AQ46" s="218"/>
      <c r="AR46" s="218"/>
      <c r="AS46" s="218"/>
      <c r="AT46" s="218"/>
      <c r="AU46" s="218"/>
      <c r="AV46" s="218"/>
      <c r="AW46" s="218"/>
      <c r="AX46" s="218"/>
      <c r="AY46" s="218"/>
      <c r="AZ46" s="218"/>
      <c r="BA46" s="218"/>
      <c r="BB46" s="218"/>
      <c r="BC46" s="218"/>
      <c r="BD46" s="218"/>
      <c r="BE46" s="218"/>
      <c r="BF46" s="218"/>
      <c r="BG46" s="218"/>
      <c r="BH46" s="218"/>
      <c r="BI46" s="218"/>
      <c r="BJ46" s="218"/>
      <c r="BK46" s="218"/>
      <c r="BL46" s="218"/>
      <c r="BM46" s="218"/>
      <c r="BN46" s="218"/>
      <c r="BO46" s="218"/>
      <c r="BP46" s="218"/>
      <c r="BQ46" s="218"/>
      <c r="BR46" s="218"/>
      <c r="BS46" s="218"/>
      <c r="BT46" s="218"/>
      <c r="BU46" s="218"/>
      <c r="BV46" s="218"/>
      <c r="BW46" s="218"/>
      <c r="BX46" s="103"/>
      <c r="BY46" s="218"/>
      <c r="BZ46" s="218"/>
      <c r="CA46" s="218"/>
      <c r="CB46" s="218"/>
      <c r="CC46" s="218"/>
      <c r="CD46" s="218"/>
      <c r="CE46" s="371" t="str">
        <f t="shared" si="1"/>
        <v/>
      </c>
      <c r="CF46" s="371"/>
      <c r="CG46" s="371"/>
      <c r="CH46" s="371"/>
      <c r="CI46" s="371"/>
      <c r="CJ46" s="379"/>
      <c r="CK46" s="383"/>
      <c r="CL46" s="383"/>
      <c r="CM46" s="370"/>
      <c r="CN46" s="370"/>
      <c r="CO46" s="370"/>
      <c r="CP46" s="370"/>
      <c r="CQ46" s="370"/>
      <c r="CR46" s="370"/>
      <c r="CS46" s="370"/>
      <c r="CT46" s="262"/>
      <c r="CU46" s="262"/>
      <c r="CV46" s="262"/>
      <c r="CW46" s="262"/>
      <c r="CX46" s="371"/>
      <c r="CY46" s="371"/>
      <c r="CZ46" s="455"/>
    </row>
    <row r="47" spans="1:104" s="67" customFormat="1" ht="12">
      <c r="A47" s="72">
        <v>27</v>
      </c>
      <c r="B47" s="103"/>
      <c r="C47" s="807"/>
      <c r="D47" s="103"/>
      <c r="E47" s="103"/>
      <c r="F47" s="103"/>
      <c r="G47" s="103"/>
      <c r="H47" s="217"/>
      <c r="I47" s="217"/>
      <c r="J47" s="217"/>
      <c r="K47" s="353"/>
      <c r="L47" s="353"/>
      <c r="M47" s="401"/>
      <c r="N47" s="401"/>
      <c r="O47" s="789"/>
      <c r="P47" s="798"/>
      <c r="Q47" s="401"/>
      <c r="R47" s="401"/>
      <c r="S47" s="401"/>
      <c r="T47" s="401"/>
      <c r="U47" s="401"/>
      <c r="V47" s="401"/>
      <c r="W47" s="799"/>
      <c r="X47" s="792"/>
      <c r="Y47" s="505"/>
      <c r="Z47" s="505"/>
      <c r="AA47" s="505"/>
      <c r="AB47" s="505"/>
      <c r="AC47" s="218"/>
      <c r="AD47" s="218"/>
      <c r="AE47" s="218"/>
      <c r="AF47" s="218"/>
      <c r="AG47" s="218"/>
      <c r="AH47" s="218"/>
      <c r="AI47" s="218"/>
      <c r="AJ47" s="218"/>
      <c r="AK47" s="218"/>
      <c r="AL47" s="218"/>
      <c r="AM47" s="218"/>
      <c r="AN47" s="218"/>
      <c r="AO47" s="218"/>
      <c r="AP47" s="218"/>
      <c r="AQ47" s="218"/>
      <c r="AR47" s="218"/>
      <c r="AS47" s="218"/>
      <c r="AT47" s="218"/>
      <c r="AU47" s="218"/>
      <c r="AV47" s="218"/>
      <c r="AW47" s="218"/>
      <c r="AX47" s="218"/>
      <c r="AY47" s="218"/>
      <c r="AZ47" s="218"/>
      <c r="BA47" s="218"/>
      <c r="BB47" s="218"/>
      <c r="BC47" s="218"/>
      <c r="BD47" s="218"/>
      <c r="BE47" s="218"/>
      <c r="BF47" s="218"/>
      <c r="BG47" s="218"/>
      <c r="BH47" s="218"/>
      <c r="BI47" s="218"/>
      <c r="BJ47" s="218"/>
      <c r="BK47" s="218"/>
      <c r="BL47" s="218"/>
      <c r="BM47" s="218"/>
      <c r="BN47" s="218"/>
      <c r="BO47" s="218"/>
      <c r="BP47" s="218"/>
      <c r="BQ47" s="218"/>
      <c r="BR47" s="218"/>
      <c r="BS47" s="218"/>
      <c r="BT47" s="218"/>
      <c r="BU47" s="218"/>
      <c r="BV47" s="218"/>
      <c r="BW47" s="218"/>
      <c r="BX47" s="103"/>
      <c r="BY47" s="218"/>
      <c r="BZ47" s="218"/>
      <c r="CA47" s="218"/>
      <c r="CB47" s="218"/>
      <c r="CC47" s="218"/>
      <c r="CD47" s="218"/>
      <c r="CE47" s="371" t="str">
        <f t="shared" si="1"/>
        <v/>
      </c>
      <c r="CF47" s="371"/>
      <c r="CG47" s="371"/>
      <c r="CH47" s="371"/>
      <c r="CI47" s="371"/>
      <c r="CJ47" s="379"/>
      <c r="CK47" s="383"/>
      <c r="CL47" s="383"/>
      <c r="CM47" s="370"/>
      <c r="CN47" s="370"/>
      <c r="CO47" s="370"/>
      <c r="CP47" s="370"/>
      <c r="CQ47" s="370"/>
      <c r="CR47" s="370"/>
      <c r="CS47" s="370"/>
      <c r="CT47" s="262"/>
      <c r="CU47" s="262"/>
      <c r="CV47" s="262"/>
      <c r="CW47" s="262"/>
      <c r="CX47" s="371"/>
      <c r="CY47" s="371"/>
      <c r="CZ47" s="455"/>
    </row>
    <row r="48" spans="1:104" s="67" customFormat="1" ht="12">
      <c r="A48" s="72">
        <v>28</v>
      </c>
      <c r="B48" s="103"/>
      <c r="C48" s="807"/>
      <c r="D48" s="103"/>
      <c r="E48" s="103"/>
      <c r="F48" s="103"/>
      <c r="G48" s="103"/>
      <c r="H48" s="217"/>
      <c r="I48" s="217"/>
      <c r="J48" s="217"/>
      <c r="K48" s="353"/>
      <c r="L48" s="353"/>
      <c r="M48" s="401"/>
      <c r="N48" s="401"/>
      <c r="O48" s="789"/>
      <c r="P48" s="798"/>
      <c r="Q48" s="401"/>
      <c r="R48" s="401"/>
      <c r="S48" s="401"/>
      <c r="T48" s="401"/>
      <c r="U48" s="401"/>
      <c r="V48" s="401"/>
      <c r="W48" s="799"/>
      <c r="X48" s="792"/>
      <c r="Y48" s="505"/>
      <c r="Z48" s="505"/>
      <c r="AA48" s="505"/>
      <c r="AB48" s="505"/>
      <c r="AC48" s="218"/>
      <c r="AD48" s="218"/>
      <c r="AE48" s="218"/>
      <c r="AF48" s="218"/>
      <c r="AG48" s="218"/>
      <c r="AH48" s="218"/>
      <c r="AI48" s="218"/>
      <c r="AJ48" s="218"/>
      <c r="AK48" s="218"/>
      <c r="AL48" s="218"/>
      <c r="AM48" s="218"/>
      <c r="AN48" s="218"/>
      <c r="AO48" s="218"/>
      <c r="AP48" s="218"/>
      <c r="AQ48" s="218"/>
      <c r="AR48" s="218"/>
      <c r="AS48" s="218"/>
      <c r="AT48" s="218"/>
      <c r="AU48" s="218"/>
      <c r="AV48" s="218"/>
      <c r="AW48" s="218"/>
      <c r="AX48" s="218"/>
      <c r="AY48" s="218"/>
      <c r="AZ48" s="218"/>
      <c r="BA48" s="218"/>
      <c r="BB48" s="218"/>
      <c r="BC48" s="218"/>
      <c r="BD48" s="218"/>
      <c r="BE48" s="218"/>
      <c r="BF48" s="218"/>
      <c r="BG48" s="218"/>
      <c r="BH48" s="218"/>
      <c r="BI48" s="218"/>
      <c r="BJ48" s="218"/>
      <c r="BK48" s="218"/>
      <c r="BL48" s="218"/>
      <c r="BM48" s="218"/>
      <c r="BN48" s="218"/>
      <c r="BO48" s="218"/>
      <c r="BP48" s="218"/>
      <c r="BQ48" s="218"/>
      <c r="BR48" s="218"/>
      <c r="BS48" s="218"/>
      <c r="BT48" s="218"/>
      <c r="BU48" s="218"/>
      <c r="BV48" s="218"/>
      <c r="BW48" s="218"/>
      <c r="BX48" s="103"/>
      <c r="BY48" s="218"/>
      <c r="BZ48" s="218"/>
      <c r="CA48" s="218"/>
      <c r="CB48" s="218"/>
      <c r="CC48" s="218"/>
      <c r="CD48" s="218"/>
      <c r="CE48" s="371" t="str">
        <f t="shared" si="1"/>
        <v/>
      </c>
      <c r="CF48" s="371"/>
      <c r="CG48" s="371"/>
      <c r="CH48" s="371"/>
      <c r="CI48" s="371"/>
      <c r="CJ48" s="379"/>
      <c r="CK48" s="383"/>
      <c r="CL48" s="383"/>
      <c r="CM48" s="370"/>
      <c r="CN48" s="370"/>
      <c r="CO48" s="370"/>
      <c r="CP48" s="370"/>
      <c r="CQ48" s="370"/>
      <c r="CR48" s="370"/>
      <c r="CS48" s="370"/>
      <c r="CT48" s="262"/>
      <c r="CU48" s="262"/>
      <c r="CV48" s="262"/>
      <c r="CW48" s="262"/>
      <c r="CX48" s="371"/>
      <c r="CY48" s="371"/>
      <c r="CZ48" s="455"/>
    </row>
    <row r="49" spans="1:104" s="67" customFormat="1" ht="12">
      <c r="A49" s="72">
        <v>29</v>
      </c>
      <c r="B49" s="103"/>
      <c r="C49" s="807"/>
      <c r="D49" s="103"/>
      <c r="E49" s="103"/>
      <c r="F49" s="103"/>
      <c r="G49" s="103"/>
      <c r="H49" s="217"/>
      <c r="I49" s="217"/>
      <c r="J49" s="217"/>
      <c r="K49" s="353"/>
      <c r="L49" s="353"/>
      <c r="M49" s="401"/>
      <c r="N49" s="401"/>
      <c r="O49" s="789"/>
      <c r="P49" s="798"/>
      <c r="Q49" s="401"/>
      <c r="R49" s="401"/>
      <c r="S49" s="401"/>
      <c r="T49" s="401"/>
      <c r="U49" s="401"/>
      <c r="V49" s="401"/>
      <c r="W49" s="799"/>
      <c r="X49" s="792"/>
      <c r="Y49" s="505"/>
      <c r="Z49" s="505"/>
      <c r="AA49" s="505"/>
      <c r="AB49" s="505"/>
      <c r="AC49" s="218"/>
      <c r="AD49" s="218"/>
      <c r="AE49" s="218"/>
      <c r="AF49" s="218"/>
      <c r="AG49" s="218"/>
      <c r="AH49" s="218"/>
      <c r="AI49" s="218"/>
      <c r="AJ49" s="218"/>
      <c r="AK49" s="218"/>
      <c r="AL49" s="218"/>
      <c r="AM49" s="218"/>
      <c r="AN49" s="218"/>
      <c r="AO49" s="218"/>
      <c r="AP49" s="218"/>
      <c r="AQ49" s="218"/>
      <c r="AR49" s="218"/>
      <c r="AS49" s="218"/>
      <c r="AT49" s="218"/>
      <c r="AU49" s="218"/>
      <c r="AV49" s="218"/>
      <c r="AW49" s="218"/>
      <c r="AX49" s="218"/>
      <c r="AY49" s="218"/>
      <c r="AZ49" s="218"/>
      <c r="BA49" s="218"/>
      <c r="BB49" s="218"/>
      <c r="BC49" s="218"/>
      <c r="BD49" s="218"/>
      <c r="BE49" s="218"/>
      <c r="BF49" s="218"/>
      <c r="BG49" s="218"/>
      <c r="BH49" s="218"/>
      <c r="BI49" s="218"/>
      <c r="BJ49" s="218"/>
      <c r="BK49" s="218"/>
      <c r="BL49" s="218"/>
      <c r="BM49" s="218"/>
      <c r="BN49" s="218"/>
      <c r="BO49" s="218"/>
      <c r="BP49" s="218"/>
      <c r="BQ49" s="218"/>
      <c r="BR49" s="218"/>
      <c r="BS49" s="218"/>
      <c r="BT49" s="218"/>
      <c r="BU49" s="218"/>
      <c r="BV49" s="218"/>
      <c r="BW49" s="218"/>
      <c r="BX49" s="103"/>
      <c r="BY49" s="218"/>
      <c r="BZ49" s="218"/>
      <c r="CA49" s="218"/>
      <c r="CB49" s="218"/>
      <c r="CC49" s="218"/>
      <c r="CD49" s="218"/>
      <c r="CE49" s="371" t="str">
        <f t="shared" si="1"/>
        <v/>
      </c>
      <c r="CF49" s="371"/>
      <c r="CG49" s="371"/>
      <c r="CH49" s="371"/>
      <c r="CI49" s="371"/>
      <c r="CJ49" s="379"/>
      <c r="CK49" s="383"/>
      <c r="CL49" s="383"/>
      <c r="CM49" s="370"/>
      <c r="CN49" s="370"/>
      <c r="CO49" s="370"/>
      <c r="CP49" s="370"/>
      <c r="CQ49" s="370"/>
      <c r="CR49" s="370"/>
      <c r="CS49" s="370"/>
      <c r="CT49" s="262"/>
      <c r="CU49" s="262"/>
      <c r="CV49" s="262"/>
      <c r="CW49" s="262"/>
      <c r="CX49" s="371"/>
      <c r="CY49" s="371"/>
      <c r="CZ49" s="455"/>
    </row>
    <row r="50" spans="1:104" s="67" customFormat="1" ht="12">
      <c r="A50" s="72">
        <v>30</v>
      </c>
      <c r="B50" s="103"/>
      <c r="C50" s="807"/>
      <c r="D50" s="103"/>
      <c r="E50" s="103"/>
      <c r="F50" s="103"/>
      <c r="G50" s="103"/>
      <c r="H50" s="217"/>
      <c r="I50" s="217"/>
      <c r="J50" s="217"/>
      <c r="K50" s="353"/>
      <c r="L50" s="353"/>
      <c r="M50" s="401"/>
      <c r="N50" s="401"/>
      <c r="O50" s="789"/>
      <c r="P50" s="798"/>
      <c r="Q50" s="401"/>
      <c r="R50" s="401"/>
      <c r="S50" s="401"/>
      <c r="T50" s="401"/>
      <c r="U50" s="401"/>
      <c r="V50" s="401"/>
      <c r="W50" s="799"/>
      <c r="X50" s="792"/>
      <c r="Y50" s="505"/>
      <c r="Z50" s="505"/>
      <c r="AA50" s="505"/>
      <c r="AB50" s="505"/>
      <c r="AC50" s="218"/>
      <c r="AD50" s="218"/>
      <c r="AE50" s="218"/>
      <c r="AF50" s="218"/>
      <c r="AG50" s="218"/>
      <c r="AH50" s="218"/>
      <c r="AI50" s="218"/>
      <c r="AJ50" s="218"/>
      <c r="AK50" s="218"/>
      <c r="AL50" s="218"/>
      <c r="AM50" s="218"/>
      <c r="AN50" s="218"/>
      <c r="AO50" s="218"/>
      <c r="AP50" s="218"/>
      <c r="AQ50" s="218"/>
      <c r="AR50" s="218"/>
      <c r="AS50" s="218"/>
      <c r="AT50" s="218"/>
      <c r="AU50" s="218"/>
      <c r="AV50" s="218"/>
      <c r="AW50" s="218"/>
      <c r="AX50" s="218"/>
      <c r="AY50" s="218"/>
      <c r="AZ50" s="218"/>
      <c r="BA50" s="218"/>
      <c r="BB50" s="218"/>
      <c r="BC50" s="218"/>
      <c r="BD50" s="218"/>
      <c r="BE50" s="218"/>
      <c r="BF50" s="218"/>
      <c r="BG50" s="218"/>
      <c r="BH50" s="218"/>
      <c r="BI50" s="218"/>
      <c r="BJ50" s="218"/>
      <c r="BK50" s="218"/>
      <c r="BL50" s="218"/>
      <c r="BM50" s="218"/>
      <c r="BN50" s="218"/>
      <c r="BO50" s="218"/>
      <c r="BP50" s="218"/>
      <c r="BQ50" s="218"/>
      <c r="BR50" s="218"/>
      <c r="BS50" s="218"/>
      <c r="BT50" s="218"/>
      <c r="BU50" s="218"/>
      <c r="BV50" s="218"/>
      <c r="BW50" s="218"/>
      <c r="BX50" s="103"/>
      <c r="BY50" s="218"/>
      <c r="BZ50" s="218"/>
      <c r="CA50" s="218"/>
      <c r="CB50" s="218"/>
      <c r="CC50" s="218"/>
      <c r="CD50" s="218"/>
      <c r="CE50" s="371" t="str">
        <f t="shared" si="1"/>
        <v/>
      </c>
      <c r="CF50" s="371"/>
      <c r="CG50" s="371"/>
      <c r="CH50" s="371"/>
      <c r="CI50" s="371"/>
      <c r="CJ50" s="379"/>
      <c r="CK50" s="383"/>
      <c r="CL50" s="383"/>
      <c r="CM50" s="370"/>
      <c r="CN50" s="370"/>
      <c r="CO50" s="370"/>
      <c r="CP50" s="370"/>
      <c r="CQ50" s="370"/>
      <c r="CR50" s="370"/>
      <c r="CS50" s="370"/>
      <c r="CT50" s="262"/>
      <c r="CU50" s="262"/>
      <c r="CV50" s="262"/>
      <c r="CW50" s="262"/>
      <c r="CX50" s="371"/>
      <c r="CY50" s="371"/>
      <c r="CZ50" s="455"/>
    </row>
    <row r="51" spans="1:104" s="67" customFormat="1" ht="12">
      <c r="A51" s="72">
        <v>31</v>
      </c>
      <c r="B51" s="103"/>
      <c r="C51" s="807"/>
      <c r="D51" s="103"/>
      <c r="E51" s="103"/>
      <c r="F51" s="103"/>
      <c r="G51" s="103"/>
      <c r="H51" s="217"/>
      <c r="I51" s="217"/>
      <c r="J51" s="217"/>
      <c r="K51" s="353"/>
      <c r="L51" s="353"/>
      <c r="M51" s="401"/>
      <c r="N51" s="401"/>
      <c r="O51" s="789"/>
      <c r="P51" s="798"/>
      <c r="Q51" s="401"/>
      <c r="R51" s="401"/>
      <c r="S51" s="401"/>
      <c r="T51" s="401"/>
      <c r="U51" s="401"/>
      <c r="V51" s="401"/>
      <c r="W51" s="799"/>
      <c r="X51" s="792"/>
      <c r="Y51" s="505"/>
      <c r="Z51" s="505"/>
      <c r="AA51" s="505"/>
      <c r="AB51" s="505"/>
      <c r="AC51" s="218"/>
      <c r="AD51" s="218"/>
      <c r="AE51" s="218"/>
      <c r="AF51" s="218"/>
      <c r="AG51" s="218"/>
      <c r="AH51" s="218"/>
      <c r="AI51" s="218"/>
      <c r="AJ51" s="218"/>
      <c r="AK51" s="218"/>
      <c r="AL51" s="218"/>
      <c r="AM51" s="218"/>
      <c r="AN51" s="218"/>
      <c r="AO51" s="218"/>
      <c r="AP51" s="218"/>
      <c r="AQ51" s="218"/>
      <c r="AR51" s="218"/>
      <c r="AS51" s="218"/>
      <c r="AT51" s="218"/>
      <c r="AU51" s="218"/>
      <c r="AV51" s="218"/>
      <c r="AW51" s="218"/>
      <c r="AX51" s="218"/>
      <c r="AY51" s="218"/>
      <c r="AZ51" s="218"/>
      <c r="BA51" s="218"/>
      <c r="BB51" s="218"/>
      <c r="BC51" s="218"/>
      <c r="BD51" s="218"/>
      <c r="BE51" s="218"/>
      <c r="BF51" s="218"/>
      <c r="BG51" s="218"/>
      <c r="BH51" s="218"/>
      <c r="BI51" s="218"/>
      <c r="BJ51" s="218"/>
      <c r="BK51" s="218"/>
      <c r="BL51" s="218"/>
      <c r="BM51" s="218"/>
      <c r="BN51" s="218"/>
      <c r="BO51" s="218"/>
      <c r="BP51" s="218"/>
      <c r="BQ51" s="218"/>
      <c r="BR51" s="218"/>
      <c r="BS51" s="218"/>
      <c r="BT51" s="218"/>
      <c r="BU51" s="218"/>
      <c r="BV51" s="218"/>
      <c r="BW51" s="218"/>
      <c r="BX51" s="103"/>
      <c r="BY51" s="218"/>
      <c r="BZ51" s="218"/>
      <c r="CA51" s="218"/>
      <c r="CB51" s="218"/>
      <c r="CC51" s="218"/>
      <c r="CD51" s="218"/>
      <c r="CE51" s="371" t="str">
        <f t="shared" si="1"/>
        <v/>
      </c>
      <c r="CF51" s="371"/>
      <c r="CG51" s="371"/>
      <c r="CH51" s="371"/>
      <c r="CI51" s="371"/>
      <c r="CJ51" s="379"/>
      <c r="CK51" s="383"/>
      <c r="CL51" s="383"/>
      <c r="CM51" s="370"/>
      <c r="CN51" s="370"/>
      <c r="CO51" s="370"/>
      <c r="CP51" s="370"/>
      <c r="CQ51" s="370"/>
      <c r="CR51" s="370"/>
      <c r="CS51" s="370"/>
      <c r="CT51" s="262"/>
      <c r="CU51" s="262"/>
      <c r="CV51" s="262"/>
      <c r="CW51" s="262"/>
      <c r="CX51" s="371"/>
      <c r="CY51" s="371"/>
      <c r="CZ51" s="455"/>
    </row>
    <row r="52" spans="1:104" s="67" customFormat="1" ht="12">
      <c r="A52" s="72">
        <v>32</v>
      </c>
      <c r="B52" s="103"/>
      <c r="C52" s="807"/>
      <c r="D52" s="103"/>
      <c r="E52" s="103"/>
      <c r="F52" s="103"/>
      <c r="G52" s="103"/>
      <c r="H52" s="217"/>
      <c r="I52" s="217"/>
      <c r="J52" s="217"/>
      <c r="K52" s="353"/>
      <c r="L52" s="353"/>
      <c r="M52" s="401"/>
      <c r="N52" s="401"/>
      <c r="O52" s="789"/>
      <c r="P52" s="798"/>
      <c r="Q52" s="401"/>
      <c r="R52" s="401"/>
      <c r="S52" s="401"/>
      <c r="T52" s="401"/>
      <c r="U52" s="401"/>
      <c r="V52" s="401"/>
      <c r="W52" s="799"/>
      <c r="X52" s="792"/>
      <c r="Y52" s="505"/>
      <c r="Z52" s="505"/>
      <c r="AA52" s="505"/>
      <c r="AB52" s="505"/>
      <c r="AC52" s="218"/>
      <c r="AD52" s="218"/>
      <c r="AE52" s="218"/>
      <c r="AF52" s="218"/>
      <c r="AG52" s="218"/>
      <c r="AH52" s="218"/>
      <c r="AI52" s="218"/>
      <c r="AJ52" s="218"/>
      <c r="AK52" s="218"/>
      <c r="AL52" s="218"/>
      <c r="AM52" s="218"/>
      <c r="AN52" s="218"/>
      <c r="AO52" s="218"/>
      <c r="AP52" s="218"/>
      <c r="AQ52" s="218"/>
      <c r="AR52" s="218"/>
      <c r="AS52" s="218"/>
      <c r="AT52" s="218"/>
      <c r="AU52" s="218"/>
      <c r="AV52" s="218"/>
      <c r="AW52" s="218"/>
      <c r="AX52" s="218"/>
      <c r="AY52" s="218"/>
      <c r="AZ52" s="218"/>
      <c r="BA52" s="218"/>
      <c r="BB52" s="218"/>
      <c r="BC52" s="218"/>
      <c r="BD52" s="218"/>
      <c r="BE52" s="218"/>
      <c r="BF52" s="218"/>
      <c r="BG52" s="218"/>
      <c r="BH52" s="218"/>
      <c r="BI52" s="218"/>
      <c r="BJ52" s="218"/>
      <c r="BK52" s="218"/>
      <c r="BL52" s="218"/>
      <c r="BM52" s="218"/>
      <c r="BN52" s="218"/>
      <c r="BO52" s="218"/>
      <c r="BP52" s="218"/>
      <c r="BQ52" s="218"/>
      <c r="BR52" s="218"/>
      <c r="BS52" s="218"/>
      <c r="BT52" s="218"/>
      <c r="BU52" s="218"/>
      <c r="BV52" s="218"/>
      <c r="BW52" s="218"/>
      <c r="BX52" s="103"/>
      <c r="BY52" s="218"/>
      <c r="BZ52" s="218"/>
      <c r="CA52" s="218"/>
      <c r="CB52" s="218"/>
      <c r="CC52" s="218"/>
      <c r="CD52" s="218"/>
      <c r="CE52" s="371" t="str">
        <f t="shared" si="1"/>
        <v/>
      </c>
      <c r="CF52" s="371"/>
      <c r="CG52" s="371"/>
      <c r="CH52" s="371"/>
      <c r="CI52" s="371"/>
      <c r="CJ52" s="379"/>
      <c r="CK52" s="383"/>
      <c r="CL52" s="383"/>
      <c r="CM52" s="370"/>
      <c r="CN52" s="370"/>
      <c r="CO52" s="370"/>
      <c r="CP52" s="370"/>
      <c r="CQ52" s="370"/>
      <c r="CR52" s="370"/>
      <c r="CS52" s="370"/>
      <c r="CT52" s="262"/>
      <c r="CU52" s="262"/>
      <c r="CV52" s="262"/>
      <c r="CW52" s="262"/>
      <c r="CX52" s="371"/>
      <c r="CY52" s="371"/>
      <c r="CZ52" s="455"/>
    </row>
    <row r="53" spans="1:104" s="67" customFormat="1" ht="12">
      <c r="A53" s="72">
        <v>33</v>
      </c>
      <c r="B53" s="103"/>
      <c r="C53" s="807"/>
      <c r="D53" s="103"/>
      <c r="E53" s="103"/>
      <c r="F53" s="103"/>
      <c r="G53" s="103"/>
      <c r="H53" s="217"/>
      <c r="I53" s="217"/>
      <c r="J53" s="217"/>
      <c r="K53" s="353"/>
      <c r="L53" s="353"/>
      <c r="M53" s="401"/>
      <c r="N53" s="401"/>
      <c r="O53" s="789"/>
      <c r="P53" s="798"/>
      <c r="Q53" s="401"/>
      <c r="R53" s="401"/>
      <c r="S53" s="401"/>
      <c r="T53" s="401"/>
      <c r="U53" s="401"/>
      <c r="V53" s="401"/>
      <c r="W53" s="799"/>
      <c r="X53" s="792"/>
      <c r="Y53" s="505"/>
      <c r="Z53" s="505"/>
      <c r="AA53" s="505"/>
      <c r="AB53" s="505"/>
      <c r="AC53" s="218"/>
      <c r="AD53" s="218"/>
      <c r="AE53" s="218"/>
      <c r="AF53" s="218"/>
      <c r="AG53" s="218"/>
      <c r="AH53" s="218"/>
      <c r="AI53" s="218"/>
      <c r="AJ53" s="218"/>
      <c r="AK53" s="218"/>
      <c r="AL53" s="218"/>
      <c r="AM53" s="218"/>
      <c r="AN53" s="218"/>
      <c r="AO53" s="218"/>
      <c r="AP53" s="218"/>
      <c r="AQ53" s="218"/>
      <c r="AR53" s="218"/>
      <c r="AS53" s="218"/>
      <c r="AT53" s="218"/>
      <c r="AU53" s="218"/>
      <c r="AV53" s="218"/>
      <c r="AW53" s="218"/>
      <c r="AX53" s="218"/>
      <c r="AY53" s="218"/>
      <c r="AZ53" s="218"/>
      <c r="BA53" s="218"/>
      <c r="BB53" s="218"/>
      <c r="BC53" s="218"/>
      <c r="BD53" s="218"/>
      <c r="BE53" s="218"/>
      <c r="BF53" s="218"/>
      <c r="BG53" s="218"/>
      <c r="BH53" s="218"/>
      <c r="BI53" s="218"/>
      <c r="BJ53" s="218"/>
      <c r="BK53" s="218"/>
      <c r="BL53" s="218"/>
      <c r="BM53" s="218"/>
      <c r="BN53" s="218"/>
      <c r="BO53" s="218"/>
      <c r="BP53" s="218"/>
      <c r="BQ53" s="218"/>
      <c r="BR53" s="218"/>
      <c r="BS53" s="218"/>
      <c r="BT53" s="218"/>
      <c r="BU53" s="218"/>
      <c r="BV53" s="218"/>
      <c r="BW53" s="218"/>
      <c r="BX53" s="103"/>
      <c r="BY53" s="218"/>
      <c r="BZ53" s="218"/>
      <c r="CA53" s="218"/>
      <c r="CB53" s="218"/>
      <c r="CC53" s="218"/>
      <c r="CD53" s="218"/>
      <c r="CE53" s="371" t="str">
        <f t="shared" si="1"/>
        <v/>
      </c>
      <c r="CF53" s="371"/>
      <c r="CG53" s="371"/>
      <c r="CH53" s="371"/>
      <c r="CI53" s="371"/>
      <c r="CJ53" s="379"/>
      <c r="CK53" s="383"/>
      <c r="CL53" s="383"/>
      <c r="CM53" s="370"/>
      <c r="CN53" s="370"/>
      <c r="CO53" s="370"/>
      <c r="CP53" s="370"/>
      <c r="CQ53" s="370"/>
      <c r="CR53" s="370"/>
      <c r="CS53" s="370"/>
      <c r="CT53" s="262"/>
      <c r="CU53" s="262"/>
      <c r="CV53" s="262"/>
      <c r="CW53" s="262"/>
      <c r="CX53" s="371"/>
      <c r="CY53" s="371"/>
      <c r="CZ53" s="455"/>
    </row>
    <row r="54" spans="1:104" s="67" customFormat="1" ht="12">
      <c r="A54" s="72">
        <v>34</v>
      </c>
      <c r="B54" s="103"/>
      <c r="C54" s="807"/>
      <c r="D54" s="103"/>
      <c r="E54" s="103"/>
      <c r="F54" s="103"/>
      <c r="G54" s="103"/>
      <c r="H54" s="217"/>
      <c r="I54" s="217"/>
      <c r="J54" s="217"/>
      <c r="K54" s="353"/>
      <c r="L54" s="353"/>
      <c r="M54" s="401"/>
      <c r="N54" s="401"/>
      <c r="O54" s="789"/>
      <c r="P54" s="798"/>
      <c r="Q54" s="401"/>
      <c r="R54" s="401"/>
      <c r="S54" s="401"/>
      <c r="T54" s="401"/>
      <c r="U54" s="401"/>
      <c r="V54" s="401"/>
      <c r="W54" s="799"/>
      <c r="X54" s="792"/>
      <c r="Y54" s="505"/>
      <c r="Z54" s="505"/>
      <c r="AA54" s="505"/>
      <c r="AB54" s="505"/>
      <c r="AC54" s="218"/>
      <c r="AD54" s="218"/>
      <c r="AE54" s="218"/>
      <c r="AF54" s="218"/>
      <c r="AG54" s="218"/>
      <c r="AH54" s="218"/>
      <c r="AI54" s="218"/>
      <c r="AJ54" s="218"/>
      <c r="AK54" s="218"/>
      <c r="AL54" s="218"/>
      <c r="AM54" s="218"/>
      <c r="AN54" s="218"/>
      <c r="AO54" s="218"/>
      <c r="AP54" s="218"/>
      <c r="AQ54" s="218"/>
      <c r="AR54" s="218"/>
      <c r="AS54" s="218"/>
      <c r="AT54" s="218"/>
      <c r="AU54" s="218"/>
      <c r="AV54" s="218"/>
      <c r="AW54" s="218"/>
      <c r="AX54" s="218"/>
      <c r="AY54" s="218"/>
      <c r="AZ54" s="218"/>
      <c r="BA54" s="218"/>
      <c r="BB54" s="218"/>
      <c r="BC54" s="218"/>
      <c r="BD54" s="218"/>
      <c r="BE54" s="218"/>
      <c r="BF54" s="218"/>
      <c r="BG54" s="218"/>
      <c r="BH54" s="218"/>
      <c r="BI54" s="218"/>
      <c r="BJ54" s="218"/>
      <c r="BK54" s="218"/>
      <c r="BL54" s="218"/>
      <c r="BM54" s="218"/>
      <c r="BN54" s="218"/>
      <c r="BO54" s="218"/>
      <c r="BP54" s="218"/>
      <c r="BQ54" s="218"/>
      <c r="BR54" s="218"/>
      <c r="BS54" s="218"/>
      <c r="BT54" s="218"/>
      <c r="BU54" s="218"/>
      <c r="BV54" s="218"/>
      <c r="BW54" s="218"/>
      <c r="BX54" s="103"/>
      <c r="BY54" s="218"/>
      <c r="BZ54" s="218"/>
      <c r="CA54" s="218"/>
      <c r="CB54" s="218"/>
      <c r="CC54" s="218"/>
      <c r="CD54" s="218"/>
      <c r="CE54" s="371" t="str">
        <f t="shared" si="1"/>
        <v/>
      </c>
      <c r="CF54" s="371"/>
      <c r="CG54" s="371"/>
      <c r="CH54" s="371"/>
      <c r="CI54" s="371"/>
      <c r="CJ54" s="379"/>
      <c r="CK54" s="383"/>
      <c r="CL54" s="383"/>
      <c r="CM54" s="370"/>
      <c r="CN54" s="370"/>
      <c r="CO54" s="370"/>
      <c r="CP54" s="370"/>
      <c r="CQ54" s="370"/>
      <c r="CR54" s="370"/>
      <c r="CS54" s="370"/>
      <c r="CT54" s="262"/>
      <c r="CU54" s="262"/>
      <c r="CV54" s="262"/>
      <c r="CW54" s="262"/>
      <c r="CX54" s="371"/>
      <c r="CY54" s="371"/>
      <c r="CZ54" s="455"/>
    </row>
    <row r="55" spans="1:104" s="67" customFormat="1" ht="12">
      <c r="A55" s="72">
        <v>35</v>
      </c>
      <c r="B55" s="103"/>
      <c r="C55" s="807"/>
      <c r="D55" s="103"/>
      <c r="E55" s="103"/>
      <c r="F55" s="103"/>
      <c r="G55" s="103"/>
      <c r="H55" s="217"/>
      <c r="I55" s="217"/>
      <c r="J55" s="217"/>
      <c r="K55" s="353"/>
      <c r="L55" s="353"/>
      <c r="M55" s="401"/>
      <c r="N55" s="401"/>
      <c r="O55" s="789"/>
      <c r="P55" s="798"/>
      <c r="Q55" s="401"/>
      <c r="R55" s="401"/>
      <c r="S55" s="401"/>
      <c r="T55" s="401"/>
      <c r="U55" s="401"/>
      <c r="V55" s="401"/>
      <c r="W55" s="799"/>
      <c r="X55" s="792"/>
      <c r="Y55" s="505"/>
      <c r="Z55" s="505"/>
      <c r="AA55" s="505"/>
      <c r="AB55" s="505"/>
      <c r="AC55" s="218"/>
      <c r="AD55" s="218"/>
      <c r="AE55" s="218"/>
      <c r="AF55" s="218"/>
      <c r="AG55" s="218"/>
      <c r="AH55" s="218"/>
      <c r="AI55" s="218"/>
      <c r="AJ55" s="218"/>
      <c r="AK55" s="218"/>
      <c r="AL55" s="218"/>
      <c r="AM55" s="218"/>
      <c r="AN55" s="218"/>
      <c r="AO55" s="218"/>
      <c r="AP55" s="218"/>
      <c r="AQ55" s="218"/>
      <c r="AR55" s="218"/>
      <c r="AS55" s="218"/>
      <c r="AT55" s="218"/>
      <c r="AU55" s="218"/>
      <c r="AV55" s="218"/>
      <c r="AW55" s="218"/>
      <c r="AX55" s="218"/>
      <c r="AY55" s="218"/>
      <c r="AZ55" s="218"/>
      <c r="BA55" s="218"/>
      <c r="BB55" s="218"/>
      <c r="BC55" s="218"/>
      <c r="BD55" s="218"/>
      <c r="BE55" s="218"/>
      <c r="BF55" s="218"/>
      <c r="BG55" s="218"/>
      <c r="BH55" s="218"/>
      <c r="BI55" s="218"/>
      <c r="BJ55" s="218"/>
      <c r="BK55" s="218"/>
      <c r="BL55" s="218"/>
      <c r="BM55" s="218"/>
      <c r="BN55" s="218"/>
      <c r="BO55" s="218"/>
      <c r="BP55" s="218"/>
      <c r="BQ55" s="218"/>
      <c r="BR55" s="218"/>
      <c r="BS55" s="218"/>
      <c r="BT55" s="218"/>
      <c r="BU55" s="218"/>
      <c r="BV55" s="218"/>
      <c r="BW55" s="218"/>
      <c r="BX55" s="103"/>
      <c r="BY55" s="218"/>
      <c r="BZ55" s="218"/>
      <c r="CA55" s="218"/>
      <c r="CB55" s="218"/>
      <c r="CC55" s="218"/>
      <c r="CD55" s="218"/>
      <c r="CE55" s="371" t="str">
        <f t="shared" si="1"/>
        <v/>
      </c>
      <c r="CF55" s="371"/>
      <c r="CG55" s="371"/>
      <c r="CH55" s="371"/>
      <c r="CI55" s="371"/>
      <c r="CJ55" s="379"/>
      <c r="CK55" s="383"/>
      <c r="CL55" s="383"/>
      <c r="CM55" s="370"/>
      <c r="CN55" s="370"/>
      <c r="CO55" s="370"/>
      <c r="CP55" s="370"/>
      <c r="CQ55" s="370"/>
      <c r="CR55" s="370"/>
      <c r="CS55" s="370"/>
      <c r="CT55" s="262"/>
      <c r="CU55" s="262"/>
      <c r="CV55" s="262"/>
      <c r="CW55" s="262"/>
      <c r="CX55" s="371"/>
      <c r="CY55" s="371"/>
      <c r="CZ55" s="455"/>
    </row>
    <row r="56" spans="1:104" s="67" customFormat="1" ht="12">
      <c r="A56" s="72">
        <v>36</v>
      </c>
      <c r="B56" s="103"/>
      <c r="C56" s="807"/>
      <c r="D56" s="103"/>
      <c r="E56" s="103"/>
      <c r="F56" s="103"/>
      <c r="G56" s="103"/>
      <c r="H56" s="217"/>
      <c r="I56" s="217"/>
      <c r="J56" s="217"/>
      <c r="K56" s="353"/>
      <c r="L56" s="353"/>
      <c r="M56" s="401"/>
      <c r="N56" s="401"/>
      <c r="O56" s="789"/>
      <c r="P56" s="798"/>
      <c r="Q56" s="401"/>
      <c r="R56" s="401"/>
      <c r="S56" s="401"/>
      <c r="T56" s="401"/>
      <c r="U56" s="401"/>
      <c r="V56" s="401"/>
      <c r="W56" s="799"/>
      <c r="X56" s="792"/>
      <c r="Y56" s="505"/>
      <c r="Z56" s="505"/>
      <c r="AA56" s="505"/>
      <c r="AB56" s="505"/>
      <c r="AC56" s="218"/>
      <c r="AD56" s="218"/>
      <c r="AE56" s="218"/>
      <c r="AF56" s="218"/>
      <c r="AG56" s="218"/>
      <c r="AH56" s="218"/>
      <c r="AI56" s="218"/>
      <c r="AJ56" s="218"/>
      <c r="AK56" s="218"/>
      <c r="AL56" s="218"/>
      <c r="AM56" s="218"/>
      <c r="AN56" s="218"/>
      <c r="AO56" s="218"/>
      <c r="AP56" s="218"/>
      <c r="AQ56" s="218"/>
      <c r="AR56" s="218"/>
      <c r="AS56" s="218"/>
      <c r="AT56" s="218"/>
      <c r="AU56" s="218"/>
      <c r="AV56" s="218"/>
      <c r="AW56" s="218"/>
      <c r="AX56" s="218"/>
      <c r="AY56" s="218"/>
      <c r="AZ56" s="218"/>
      <c r="BA56" s="218"/>
      <c r="BB56" s="218"/>
      <c r="BC56" s="218"/>
      <c r="BD56" s="218"/>
      <c r="BE56" s="218"/>
      <c r="BF56" s="218"/>
      <c r="BG56" s="218"/>
      <c r="BH56" s="218"/>
      <c r="BI56" s="218"/>
      <c r="BJ56" s="218"/>
      <c r="BK56" s="218"/>
      <c r="BL56" s="218"/>
      <c r="BM56" s="218"/>
      <c r="BN56" s="218"/>
      <c r="BO56" s="218"/>
      <c r="BP56" s="218"/>
      <c r="BQ56" s="218"/>
      <c r="BR56" s="218"/>
      <c r="BS56" s="218"/>
      <c r="BT56" s="218"/>
      <c r="BU56" s="218"/>
      <c r="BV56" s="218"/>
      <c r="BW56" s="218"/>
      <c r="BX56" s="103"/>
      <c r="BY56" s="218"/>
      <c r="BZ56" s="218"/>
      <c r="CA56" s="218"/>
      <c r="CB56" s="218"/>
      <c r="CC56" s="218"/>
      <c r="CD56" s="218"/>
      <c r="CE56" s="371" t="str">
        <f t="shared" si="1"/>
        <v/>
      </c>
      <c r="CF56" s="371"/>
      <c r="CG56" s="371"/>
      <c r="CH56" s="371"/>
      <c r="CI56" s="371"/>
      <c r="CJ56" s="379"/>
      <c r="CK56" s="383"/>
      <c r="CL56" s="383"/>
      <c r="CM56" s="370"/>
      <c r="CN56" s="370"/>
      <c r="CO56" s="370"/>
      <c r="CP56" s="370"/>
      <c r="CQ56" s="370"/>
      <c r="CR56" s="370"/>
      <c r="CS56" s="370"/>
      <c r="CT56" s="262"/>
      <c r="CU56" s="262"/>
      <c r="CV56" s="262"/>
      <c r="CW56" s="262"/>
      <c r="CX56" s="371"/>
      <c r="CY56" s="371"/>
      <c r="CZ56" s="455"/>
    </row>
    <row r="57" spans="1:104" s="67" customFormat="1" ht="12">
      <c r="A57" s="72">
        <v>37</v>
      </c>
      <c r="B57" s="103"/>
      <c r="C57" s="807"/>
      <c r="D57" s="103"/>
      <c r="E57" s="103"/>
      <c r="F57" s="103"/>
      <c r="G57" s="103"/>
      <c r="H57" s="217"/>
      <c r="I57" s="217"/>
      <c r="J57" s="217"/>
      <c r="K57" s="353"/>
      <c r="L57" s="353"/>
      <c r="M57" s="401"/>
      <c r="N57" s="401"/>
      <c r="O57" s="789"/>
      <c r="P57" s="798"/>
      <c r="Q57" s="401"/>
      <c r="R57" s="401"/>
      <c r="S57" s="401"/>
      <c r="T57" s="401"/>
      <c r="U57" s="401"/>
      <c r="V57" s="401"/>
      <c r="W57" s="799"/>
      <c r="X57" s="792"/>
      <c r="Y57" s="505"/>
      <c r="Z57" s="505"/>
      <c r="AA57" s="505"/>
      <c r="AB57" s="505"/>
      <c r="AC57" s="218"/>
      <c r="AD57" s="218"/>
      <c r="AE57" s="218"/>
      <c r="AF57" s="218"/>
      <c r="AG57" s="218"/>
      <c r="AH57" s="218"/>
      <c r="AI57" s="218"/>
      <c r="AJ57" s="218"/>
      <c r="AK57" s="218"/>
      <c r="AL57" s="218"/>
      <c r="AM57" s="218"/>
      <c r="AN57" s="218"/>
      <c r="AO57" s="218"/>
      <c r="AP57" s="218"/>
      <c r="AQ57" s="218"/>
      <c r="AR57" s="218"/>
      <c r="AS57" s="218"/>
      <c r="AT57" s="218"/>
      <c r="AU57" s="218"/>
      <c r="AV57" s="218"/>
      <c r="AW57" s="218"/>
      <c r="AX57" s="218"/>
      <c r="AY57" s="218"/>
      <c r="AZ57" s="218"/>
      <c r="BA57" s="218"/>
      <c r="BB57" s="218"/>
      <c r="BC57" s="218"/>
      <c r="BD57" s="218"/>
      <c r="BE57" s="218"/>
      <c r="BF57" s="218"/>
      <c r="BG57" s="218"/>
      <c r="BH57" s="218"/>
      <c r="BI57" s="218"/>
      <c r="BJ57" s="218"/>
      <c r="BK57" s="218"/>
      <c r="BL57" s="218"/>
      <c r="BM57" s="218"/>
      <c r="BN57" s="218"/>
      <c r="BO57" s="218"/>
      <c r="BP57" s="218"/>
      <c r="BQ57" s="218"/>
      <c r="BR57" s="218"/>
      <c r="BS57" s="218"/>
      <c r="BT57" s="218"/>
      <c r="BU57" s="218"/>
      <c r="BV57" s="218"/>
      <c r="BW57" s="218"/>
      <c r="BX57" s="103"/>
      <c r="BY57" s="218"/>
      <c r="BZ57" s="218"/>
      <c r="CA57" s="218"/>
      <c r="CB57" s="218"/>
      <c r="CC57" s="218"/>
      <c r="CD57" s="218"/>
      <c r="CE57" s="371" t="str">
        <f t="shared" si="1"/>
        <v/>
      </c>
      <c r="CF57" s="371"/>
      <c r="CG57" s="371"/>
      <c r="CH57" s="371"/>
      <c r="CI57" s="371"/>
      <c r="CJ57" s="379"/>
      <c r="CK57" s="383"/>
      <c r="CL57" s="383"/>
      <c r="CM57" s="370"/>
      <c r="CN57" s="370"/>
      <c r="CO57" s="370"/>
      <c r="CP57" s="370"/>
      <c r="CQ57" s="370"/>
      <c r="CR57" s="370"/>
      <c r="CS57" s="370"/>
      <c r="CT57" s="262"/>
      <c r="CU57" s="262"/>
      <c r="CV57" s="262"/>
      <c r="CW57" s="262"/>
      <c r="CX57" s="371"/>
      <c r="CY57" s="371"/>
      <c r="CZ57" s="455"/>
    </row>
    <row r="58" spans="1:104" s="67" customFormat="1" ht="12">
      <c r="A58" s="72">
        <v>38</v>
      </c>
      <c r="B58" s="103"/>
      <c r="C58" s="807"/>
      <c r="D58" s="103"/>
      <c r="E58" s="103"/>
      <c r="F58" s="103"/>
      <c r="G58" s="103"/>
      <c r="H58" s="217"/>
      <c r="I58" s="217"/>
      <c r="J58" s="217"/>
      <c r="K58" s="353"/>
      <c r="L58" s="353"/>
      <c r="M58" s="401"/>
      <c r="N58" s="401"/>
      <c r="O58" s="789"/>
      <c r="P58" s="798"/>
      <c r="Q58" s="401"/>
      <c r="R58" s="401"/>
      <c r="S58" s="401"/>
      <c r="T58" s="401"/>
      <c r="U58" s="401"/>
      <c r="V58" s="401"/>
      <c r="W58" s="799"/>
      <c r="X58" s="792"/>
      <c r="Y58" s="505"/>
      <c r="Z58" s="505"/>
      <c r="AA58" s="505"/>
      <c r="AB58" s="505"/>
      <c r="AC58" s="218"/>
      <c r="AD58" s="218"/>
      <c r="AE58" s="218"/>
      <c r="AF58" s="218"/>
      <c r="AG58" s="218"/>
      <c r="AH58" s="218"/>
      <c r="AI58" s="218"/>
      <c r="AJ58" s="218"/>
      <c r="AK58" s="218"/>
      <c r="AL58" s="218"/>
      <c r="AM58" s="218"/>
      <c r="AN58" s="218"/>
      <c r="AO58" s="218"/>
      <c r="AP58" s="218"/>
      <c r="AQ58" s="218"/>
      <c r="AR58" s="218"/>
      <c r="AS58" s="218"/>
      <c r="AT58" s="218"/>
      <c r="AU58" s="218"/>
      <c r="AV58" s="218"/>
      <c r="AW58" s="218"/>
      <c r="AX58" s="218"/>
      <c r="AY58" s="218"/>
      <c r="AZ58" s="218"/>
      <c r="BA58" s="218"/>
      <c r="BB58" s="218"/>
      <c r="BC58" s="218"/>
      <c r="BD58" s="218"/>
      <c r="BE58" s="218"/>
      <c r="BF58" s="218"/>
      <c r="BG58" s="218"/>
      <c r="BH58" s="218"/>
      <c r="BI58" s="218"/>
      <c r="BJ58" s="218"/>
      <c r="BK58" s="218"/>
      <c r="BL58" s="218"/>
      <c r="BM58" s="218"/>
      <c r="BN58" s="218"/>
      <c r="BO58" s="218"/>
      <c r="BP58" s="218"/>
      <c r="BQ58" s="218"/>
      <c r="BR58" s="218"/>
      <c r="BS58" s="218"/>
      <c r="BT58" s="218"/>
      <c r="BU58" s="218"/>
      <c r="BV58" s="218"/>
      <c r="BW58" s="218"/>
      <c r="BX58" s="103"/>
      <c r="BY58" s="218"/>
      <c r="BZ58" s="218"/>
      <c r="CA58" s="218"/>
      <c r="CB58" s="218"/>
      <c r="CC58" s="218"/>
      <c r="CD58" s="218"/>
      <c r="CE58" s="371" t="str">
        <f t="shared" si="1"/>
        <v/>
      </c>
      <c r="CF58" s="371"/>
      <c r="CG58" s="371"/>
      <c r="CH58" s="371"/>
      <c r="CI58" s="371"/>
      <c r="CJ58" s="379"/>
      <c r="CK58" s="383"/>
      <c r="CL58" s="383"/>
      <c r="CM58" s="370"/>
      <c r="CN58" s="370"/>
      <c r="CO58" s="370"/>
      <c r="CP58" s="370"/>
      <c r="CQ58" s="370"/>
      <c r="CR58" s="370"/>
      <c r="CS58" s="370"/>
      <c r="CT58" s="262"/>
      <c r="CU58" s="262"/>
      <c r="CV58" s="262"/>
      <c r="CW58" s="262"/>
      <c r="CX58" s="371"/>
      <c r="CY58" s="371"/>
      <c r="CZ58" s="455"/>
    </row>
    <row r="59" spans="1:104" s="67" customFormat="1" ht="12">
      <c r="A59" s="72">
        <v>39</v>
      </c>
      <c r="B59" s="103"/>
      <c r="C59" s="807"/>
      <c r="D59" s="103"/>
      <c r="E59" s="103"/>
      <c r="F59" s="103"/>
      <c r="G59" s="103"/>
      <c r="H59" s="217"/>
      <c r="I59" s="217"/>
      <c r="J59" s="217"/>
      <c r="K59" s="353"/>
      <c r="L59" s="353"/>
      <c r="M59" s="401"/>
      <c r="N59" s="401"/>
      <c r="O59" s="789"/>
      <c r="P59" s="798"/>
      <c r="Q59" s="401"/>
      <c r="R59" s="401"/>
      <c r="S59" s="401"/>
      <c r="T59" s="401"/>
      <c r="U59" s="401"/>
      <c r="V59" s="401"/>
      <c r="W59" s="799"/>
      <c r="X59" s="792"/>
      <c r="Y59" s="505"/>
      <c r="Z59" s="505"/>
      <c r="AA59" s="505"/>
      <c r="AB59" s="505"/>
      <c r="AC59" s="218"/>
      <c r="AD59" s="218"/>
      <c r="AE59" s="218"/>
      <c r="AF59" s="218"/>
      <c r="AG59" s="218"/>
      <c r="AH59" s="218"/>
      <c r="AI59" s="218"/>
      <c r="AJ59" s="218"/>
      <c r="AK59" s="218"/>
      <c r="AL59" s="218"/>
      <c r="AM59" s="218"/>
      <c r="AN59" s="218"/>
      <c r="AO59" s="218"/>
      <c r="AP59" s="218"/>
      <c r="AQ59" s="218"/>
      <c r="AR59" s="218"/>
      <c r="AS59" s="218"/>
      <c r="AT59" s="218"/>
      <c r="AU59" s="218"/>
      <c r="AV59" s="218"/>
      <c r="AW59" s="218"/>
      <c r="AX59" s="218"/>
      <c r="AY59" s="218"/>
      <c r="AZ59" s="218"/>
      <c r="BA59" s="218"/>
      <c r="BB59" s="218"/>
      <c r="BC59" s="218"/>
      <c r="BD59" s="218"/>
      <c r="BE59" s="218"/>
      <c r="BF59" s="218"/>
      <c r="BG59" s="218"/>
      <c r="BH59" s="218"/>
      <c r="BI59" s="218"/>
      <c r="BJ59" s="218"/>
      <c r="BK59" s="218"/>
      <c r="BL59" s="218"/>
      <c r="BM59" s="218"/>
      <c r="BN59" s="218"/>
      <c r="BO59" s="218"/>
      <c r="BP59" s="218"/>
      <c r="BQ59" s="218"/>
      <c r="BR59" s="218"/>
      <c r="BS59" s="218"/>
      <c r="BT59" s="218"/>
      <c r="BU59" s="218"/>
      <c r="BV59" s="218"/>
      <c r="BW59" s="218"/>
      <c r="BX59" s="103"/>
      <c r="BY59" s="218"/>
      <c r="BZ59" s="218"/>
      <c r="CA59" s="218"/>
      <c r="CB59" s="218"/>
      <c r="CC59" s="218"/>
      <c r="CD59" s="218"/>
      <c r="CE59" s="371" t="str">
        <f t="shared" si="1"/>
        <v/>
      </c>
      <c r="CF59" s="371"/>
      <c r="CG59" s="371"/>
      <c r="CH59" s="371"/>
      <c r="CI59" s="371"/>
      <c r="CJ59" s="379"/>
      <c r="CK59" s="383"/>
      <c r="CL59" s="383"/>
      <c r="CM59" s="370"/>
      <c r="CN59" s="370"/>
      <c r="CO59" s="370"/>
      <c r="CP59" s="370"/>
      <c r="CQ59" s="370"/>
      <c r="CR59" s="370"/>
      <c r="CS59" s="370"/>
      <c r="CT59" s="262"/>
      <c r="CU59" s="262"/>
      <c r="CV59" s="262"/>
      <c r="CW59" s="262"/>
      <c r="CX59" s="371"/>
      <c r="CY59" s="371"/>
      <c r="CZ59" s="455"/>
    </row>
    <row r="60" spans="1:104" s="67" customFormat="1" ht="12">
      <c r="A60" s="72">
        <v>40</v>
      </c>
      <c r="B60" s="103"/>
      <c r="C60" s="807"/>
      <c r="D60" s="103"/>
      <c r="E60" s="103"/>
      <c r="F60" s="103"/>
      <c r="G60" s="103"/>
      <c r="H60" s="217"/>
      <c r="I60" s="217"/>
      <c r="J60" s="217"/>
      <c r="K60" s="353"/>
      <c r="L60" s="353"/>
      <c r="M60" s="401"/>
      <c r="N60" s="401"/>
      <c r="O60" s="789"/>
      <c r="P60" s="798"/>
      <c r="Q60" s="401"/>
      <c r="R60" s="401"/>
      <c r="S60" s="401"/>
      <c r="T60" s="401"/>
      <c r="U60" s="401"/>
      <c r="V60" s="401"/>
      <c r="W60" s="799"/>
      <c r="X60" s="792"/>
      <c r="Y60" s="505"/>
      <c r="Z60" s="505"/>
      <c r="AA60" s="505"/>
      <c r="AB60" s="505"/>
      <c r="AC60" s="218"/>
      <c r="AD60" s="218"/>
      <c r="AE60" s="218"/>
      <c r="AF60" s="218"/>
      <c r="AG60" s="218"/>
      <c r="AH60" s="218"/>
      <c r="AI60" s="218"/>
      <c r="AJ60" s="218"/>
      <c r="AK60" s="218"/>
      <c r="AL60" s="218"/>
      <c r="AM60" s="218"/>
      <c r="AN60" s="218"/>
      <c r="AO60" s="218"/>
      <c r="AP60" s="218"/>
      <c r="AQ60" s="218"/>
      <c r="AR60" s="218"/>
      <c r="AS60" s="218"/>
      <c r="AT60" s="218"/>
      <c r="AU60" s="218"/>
      <c r="AV60" s="218"/>
      <c r="AW60" s="218"/>
      <c r="AX60" s="218"/>
      <c r="AY60" s="218"/>
      <c r="AZ60" s="218"/>
      <c r="BA60" s="218"/>
      <c r="BB60" s="218"/>
      <c r="BC60" s="218"/>
      <c r="BD60" s="218"/>
      <c r="BE60" s="218"/>
      <c r="BF60" s="218"/>
      <c r="BG60" s="218"/>
      <c r="BH60" s="218"/>
      <c r="BI60" s="218"/>
      <c r="BJ60" s="218"/>
      <c r="BK60" s="218"/>
      <c r="BL60" s="218"/>
      <c r="BM60" s="218"/>
      <c r="BN60" s="218"/>
      <c r="BO60" s="218"/>
      <c r="BP60" s="218"/>
      <c r="BQ60" s="218"/>
      <c r="BR60" s="218"/>
      <c r="BS60" s="218"/>
      <c r="BT60" s="218"/>
      <c r="BU60" s="218"/>
      <c r="BV60" s="218"/>
      <c r="BW60" s="218"/>
      <c r="BX60" s="103"/>
      <c r="BY60" s="218"/>
      <c r="BZ60" s="218"/>
      <c r="CA60" s="218"/>
      <c r="CB60" s="218"/>
      <c r="CC60" s="218"/>
      <c r="CD60" s="218"/>
      <c r="CE60" s="371" t="str">
        <f t="shared" si="1"/>
        <v/>
      </c>
      <c r="CF60" s="371"/>
      <c r="CG60" s="371"/>
      <c r="CH60" s="371"/>
      <c r="CI60" s="371"/>
      <c r="CJ60" s="379"/>
      <c r="CK60" s="383"/>
      <c r="CL60" s="383"/>
      <c r="CM60" s="370"/>
      <c r="CN60" s="370"/>
      <c r="CO60" s="370"/>
      <c r="CP60" s="370"/>
      <c r="CQ60" s="370"/>
      <c r="CR60" s="370"/>
      <c r="CS60" s="370"/>
      <c r="CT60" s="262"/>
      <c r="CU60" s="262"/>
      <c r="CV60" s="262"/>
      <c r="CW60" s="262"/>
      <c r="CX60" s="371"/>
      <c r="CY60" s="371"/>
      <c r="CZ60" s="455"/>
    </row>
    <row r="61" spans="1:104" s="67" customFormat="1" ht="12">
      <c r="A61" s="72">
        <v>41</v>
      </c>
      <c r="B61" s="103"/>
      <c r="C61" s="807"/>
      <c r="D61" s="103"/>
      <c r="E61" s="103"/>
      <c r="F61" s="103"/>
      <c r="G61" s="103"/>
      <c r="H61" s="217"/>
      <c r="I61" s="217"/>
      <c r="J61" s="217"/>
      <c r="K61" s="353"/>
      <c r="L61" s="353"/>
      <c r="M61" s="401"/>
      <c r="N61" s="401"/>
      <c r="O61" s="789"/>
      <c r="P61" s="798"/>
      <c r="Q61" s="401"/>
      <c r="R61" s="401"/>
      <c r="S61" s="401"/>
      <c r="T61" s="401"/>
      <c r="U61" s="401"/>
      <c r="V61" s="401"/>
      <c r="W61" s="799"/>
      <c r="X61" s="792"/>
      <c r="Y61" s="505"/>
      <c r="Z61" s="505"/>
      <c r="AA61" s="505"/>
      <c r="AB61" s="505"/>
      <c r="AC61" s="218"/>
      <c r="AD61" s="218"/>
      <c r="AE61" s="218"/>
      <c r="AF61" s="218"/>
      <c r="AG61" s="218"/>
      <c r="AH61" s="218"/>
      <c r="AI61" s="218"/>
      <c r="AJ61" s="218"/>
      <c r="AK61" s="218"/>
      <c r="AL61" s="218"/>
      <c r="AM61" s="218"/>
      <c r="AN61" s="218"/>
      <c r="AO61" s="218"/>
      <c r="AP61" s="218"/>
      <c r="AQ61" s="218"/>
      <c r="AR61" s="218"/>
      <c r="AS61" s="218"/>
      <c r="AT61" s="218"/>
      <c r="AU61" s="218"/>
      <c r="AV61" s="218"/>
      <c r="AW61" s="218"/>
      <c r="AX61" s="218"/>
      <c r="AY61" s="218"/>
      <c r="AZ61" s="218"/>
      <c r="BA61" s="218"/>
      <c r="BB61" s="218"/>
      <c r="BC61" s="218"/>
      <c r="BD61" s="218"/>
      <c r="BE61" s="218"/>
      <c r="BF61" s="218"/>
      <c r="BG61" s="218"/>
      <c r="BH61" s="218"/>
      <c r="BI61" s="218"/>
      <c r="BJ61" s="218"/>
      <c r="BK61" s="218"/>
      <c r="BL61" s="218"/>
      <c r="BM61" s="218"/>
      <c r="BN61" s="218"/>
      <c r="BO61" s="218"/>
      <c r="BP61" s="218"/>
      <c r="BQ61" s="218"/>
      <c r="BR61" s="218"/>
      <c r="BS61" s="218"/>
      <c r="BT61" s="218"/>
      <c r="BU61" s="218"/>
      <c r="BV61" s="218"/>
      <c r="BW61" s="218"/>
      <c r="BX61" s="103"/>
      <c r="BY61" s="218"/>
      <c r="BZ61" s="218"/>
      <c r="CA61" s="218"/>
      <c r="CB61" s="218"/>
      <c r="CC61" s="218"/>
      <c r="CD61" s="218"/>
      <c r="CE61" s="371" t="str">
        <f t="shared" si="1"/>
        <v/>
      </c>
      <c r="CF61" s="371"/>
      <c r="CG61" s="371"/>
      <c r="CH61" s="371"/>
      <c r="CI61" s="371"/>
      <c r="CJ61" s="379"/>
      <c r="CK61" s="383"/>
      <c r="CL61" s="383"/>
      <c r="CM61" s="370"/>
      <c r="CN61" s="370"/>
      <c r="CO61" s="370"/>
      <c r="CP61" s="370"/>
      <c r="CQ61" s="370"/>
      <c r="CR61" s="370"/>
      <c r="CS61" s="370"/>
      <c r="CT61" s="262"/>
      <c r="CU61" s="262"/>
      <c r="CV61" s="262"/>
      <c r="CW61" s="262"/>
      <c r="CX61" s="371"/>
      <c r="CY61" s="371"/>
      <c r="CZ61" s="455"/>
    </row>
    <row r="62" spans="1:104" s="67" customFormat="1" ht="12">
      <c r="A62" s="72">
        <v>42</v>
      </c>
      <c r="B62" s="103"/>
      <c r="C62" s="807"/>
      <c r="D62" s="103"/>
      <c r="E62" s="103"/>
      <c r="F62" s="103"/>
      <c r="G62" s="103"/>
      <c r="H62" s="217"/>
      <c r="I62" s="217"/>
      <c r="J62" s="217"/>
      <c r="K62" s="353"/>
      <c r="L62" s="353"/>
      <c r="M62" s="401"/>
      <c r="N62" s="401"/>
      <c r="O62" s="789"/>
      <c r="P62" s="798"/>
      <c r="Q62" s="401"/>
      <c r="R62" s="401"/>
      <c r="S62" s="401"/>
      <c r="T62" s="401"/>
      <c r="U62" s="401"/>
      <c r="V62" s="401"/>
      <c r="W62" s="799"/>
      <c r="X62" s="792"/>
      <c r="Y62" s="505"/>
      <c r="Z62" s="505"/>
      <c r="AA62" s="505"/>
      <c r="AB62" s="505"/>
      <c r="AC62" s="218"/>
      <c r="AD62" s="218"/>
      <c r="AE62" s="218"/>
      <c r="AF62" s="218"/>
      <c r="AG62" s="218"/>
      <c r="AH62" s="218"/>
      <c r="AI62" s="218"/>
      <c r="AJ62" s="218"/>
      <c r="AK62" s="218"/>
      <c r="AL62" s="218"/>
      <c r="AM62" s="218"/>
      <c r="AN62" s="218"/>
      <c r="AO62" s="218"/>
      <c r="AP62" s="218"/>
      <c r="AQ62" s="218"/>
      <c r="AR62" s="218"/>
      <c r="AS62" s="218"/>
      <c r="AT62" s="218"/>
      <c r="AU62" s="218"/>
      <c r="AV62" s="218"/>
      <c r="AW62" s="218"/>
      <c r="AX62" s="218"/>
      <c r="AY62" s="218"/>
      <c r="AZ62" s="218"/>
      <c r="BA62" s="218"/>
      <c r="BB62" s="218"/>
      <c r="BC62" s="218"/>
      <c r="BD62" s="218"/>
      <c r="BE62" s="218"/>
      <c r="BF62" s="218"/>
      <c r="BG62" s="218"/>
      <c r="BH62" s="218"/>
      <c r="BI62" s="218"/>
      <c r="BJ62" s="218"/>
      <c r="BK62" s="218"/>
      <c r="BL62" s="218"/>
      <c r="BM62" s="218"/>
      <c r="BN62" s="218"/>
      <c r="BO62" s="218"/>
      <c r="BP62" s="218"/>
      <c r="BQ62" s="218"/>
      <c r="BR62" s="218"/>
      <c r="BS62" s="218"/>
      <c r="BT62" s="218"/>
      <c r="BU62" s="218"/>
      <c r="BV62" s="218"/>
      <c r="BW62" s="218"/>
      <c r="BX62" s="103"/>
      <c r="BY62" s="218"/>
      <c r="BZ62" s="218"/>
      <c r="CA62" s="218"/>
      <c r="CB62" s="218"/>
      <c r="CC62" s="218"/>
      <c r="CD62" s="218"/>
      <c r="CE62" s="371" t="str">
        <f t="shared" si="1"/>
        <v/>
      </c>
      <c r="CF62" s="371"/>
      <c r="CG62" s="371"/>
      <c r="CH62" s="371"/>
      <c r="CI62" s="371"/>
      <c r="CJ62" s="379"/>
      <c r="CK62" s="383"/>
      <c r="CL62" s="383"/>
      <c r="CM62" s="370"/>
      <c r="CN62" s="370"/>
      <c r="CO62" s="370"/>
      <c r="CP62" s="370"/>
      <c r="CQ62" s="370"/>
      <c r="CR62" s="370"/>
      <c r="CS62" s="370"/>
      <c r="CT62" s="262"/>
      <c r="CU62" s="262"/>
      <c r="CV62" s="262"/>
      <c r="CW62" s="262"/>
      <c r="CX62" s="371"/>
      <c r="CY62" s="371"/>
      <c r="CZ62" s="455"/>
    </row>
    <row r="63" spans="1:104" s="67" customFormat="1" ht="12">
      <c r="A63" s="72">
        <v>43</v>
      </c>
      <c r="B63" s="103"/>
      <c r="C63" s="807"/>
      <c r="D63" s="103"/>
      <c r="E63" s="103"/>
      <c r="F63" s="103"/>
      <c r="G63" s="103"/>
      <c r="H63" s="217"/>
      <c r="I63" s="217"/>
      <c r="J63" s="217"/>
      <c r="K63" s="353"/>
      <c r="L63" s="353"/>
      <c r="M63" s="401"/>
      <c r="N63" s="401"/>
      <c r="O63" s="789"/>
      <c r="P63" s="798"/>
      <c r="Q63" s="401"/>
      <c r="R63" s="401"/>
      <c r="S63" s="401"/>
      <c r="T63" s="401"/>
      <c r="U63" s="401"/>
      <c r="V63" s="401"/>
      <c r="W63" s="799"/>
      <c r="X63" s="792"/>
      <c r="Y63" s="505"/>
      <c r="Z63" s="505"/>
      <c r="AA63" s="505"/>
      <c r="AB63" s="505"/>
      <c r="AC63" s="218"/>
      <c r="AD63" s="218"/>
      <c r="AE63" s="218"/>
      <c r="AF63" s="218"/>
      <c r="AG63" s="218"/>
      <c r="AH63" s="218"/>
      <c r="AI63" s="218"/>
      <c r="AJ63" s="218"/>
      <c r="AK63" s="218"/>
      <c r="AL63" s="218"/>
      <c r="AM63" s="218"/>
      <c r="AN63" s="218"/>
      <c r="AO63" s="218"/>
      <c r="AP63" s="218"/>
      <c r="AQ63" s="218"/>
      <c r="AR63" s="218"/>
      <c r="AS63" s="218"/>
      <c r="AT63" s="218"/>
      <c r="AU63" s="218"/>
      <c r="AV63" s="218"/>
      <c r="AW63" s="218"/>
      <c r="AX63" s="218"/>
      <c r="AY63" s="218"/>
      <c r="AZ63" s="218"/>
      <c r="BA63" s="218"/>
      <c r="BB63" s="218"/>
      <c r="BC63" s="218"/>
      <c r="BD63" s="218"/>
      <c r="BE63" s="218"/>
      <c r="BF63" s="218"/>
      <c r="BG63" s="218"/>
      <c r="BH63" s="218"/>
      <c r="BI63" s="218"/>
      <c r="BJ63" s="218"/>
      <c r="BK63" s="218"/>
      <c r="BL63" s="218"/>
      <c r="BM63" s="218"/>
      <c r="BN63" s="218"/>
      <c r="BO63" s="218"/>
      <c r="BP63" s="218"/>
      <c r="BQ63" s="218"/>
      <c r="BR63" s="218"/>
      <c r="BS63" s="218"/>
      <c r="BT63" s="218"/>
      <c r="BU63" s="218"/>
      <c r="BV63" s="218"/>
      <c r="BW63" s="218"/>
      <c r="BX63" s="103"/>
      <c r="BY63" s="218"/>
      <c r="BZ63" s="218"/>
      <c r="CA63" s="218"/>
      <c r="CB63" s="218"/>
      <c r="CC63" s="218"/>
      <c r="CD63" s="218"/>
      <c r="CE63" s="371" t="str">
        <f t="shared" si="1"/>
        <v/>
      </c>
      <c r="CF63" s="371"/>
      <c r="CG63" s="371"/>
      <c r="CH63" s="371"/>
      <c r="CI63" s="371"/>
      <c r="CJ63" s="379"/>
      <c r="CK63" s="383"/>
      <c r="CL63" s="383"/>
      <c r="CM63" s="370"/>
      <c r="CN63" s="370"/>
      <c r="CO63" s="370"/>
      <c r="CP63" s="370"/>
      <c r="CQ63" s="370"/>
      <c r="CR63" s="370"/>
      <c r="CS63" s="370"/>
      <c r="CT63" s="262"/>
      <c r="CU63" s="262"/>
      <c r="CV63" s="262"/>
      <c r="CW63" s="262"/>
      <c r="CX63" s="371"/>
      <c r="CY63" s="371"/>
      <c r="CZ63" s="455"/>
    </row>
    <row r="64" spans="1:104" s="67" customFormat="1" ht="12">
      <c r="A64" s="72">
        <v>44</v>
      </c>
      <c r="B64" s="103"/>
      <c r="C64" s="807"/>
      <c r="D64" s="103"/>
      <c r="E64" s="103"/>
      <c r="F64" s="103"/>
      <c r="G64" s="103"/>
      <c r="H64" s="217"/>
      <c r="I64" s="217"/>
      <c r="J64" s="217"/>
      <c r="K64" s="353"/>
      <c r="L64" s="353"/>
      <c r="M64" s="401"/>
      <c r="N64" s="401"/>
      <c r="O64" s="789"/>
      <c r="P64" s="798"/>
      <c r="Q64" s="401"/>
      <c r="R64" s="401"/>
      <c r="S64" s="401"/>
      <c r="T64" s="401"/>
      <c r="U64" s="401"/>
      <c r="V64" s="401"/>
      <c r="W64" s="799"/>
      <c r="X64" s="792"/>
      <c r="Y64" s="505"/>
      <c r="Z64" s="505"/>
      <c r="AA64" s="505"/>
      <c r="AB64" s="505"/>
      <c r="AC64" s="218"/>
      <c r="AD64" s="218"/>
      <c r="AE64" s="218"/>
      <c r="AF64" s="218"/>
      <c r="AG64" s="218"/>
      <c r="AH64" s="218"/>
      <c r="AI64" s="218"/>
      <c r="AJ64" s="218"/>
      <c r="AK64" s="218"/>
      <c r="AL64" s="218"/>
      <c r="AM64" s="218"/>
      <c r="AN64" s="218"/>
      <c r="AO64" s="218"/>
      <c r="AP64" s="218"/>
      <c r="AQ64" s="218"/>
      <c r="AR64" s="218"/>
      <c r="AS64" s="218"/>
      <c r="AT64" s="218"/>
      <c r="AU64" s="218"/>
      <c r="AV64" s="218"/>
      <c r="AW64" s="218"/>
      <c r="AX64" s="218"/>
      <c r="AY64" s="218"/>
      <c r="AZ64" s="218"/>
      <c r="BA64" s="218"/>
      <c r="BB64" s="218"/>
      <c r="BC64" s="218"/>
      <c r="BD64" s="218"/>
      <c r="BE64" s="218"/>
      <c r="BF64" s="218"/>
      <c r="BG64" s="218"/>
      <c r="BH64" s="218"/>
      <c r="BI64" s="218"/>
      <c r="BJ64" s="218"/>
      <c r="BK64" s="218"/>
      <c r="BL64" s="218"/>
      <c r="BM64" s="218"/>
      <c r="BN64" s="218"/>
      <c r="BO64" s="218"/>
      <c r="BP64" s="218"/>
      <c r="BQ64" s="218"/>
      <c r="BR64" s="218"/>
      <c r="BS64" s="218"/>
      <c r="BT64" s="218"/>
      <c r="BU64" s="218"/>
      <c r="BV64" s="218"/>
      <c r="BW64" s="218"/>
      <c r="BX64" s="103"/>
      <c r="BY64" s="218"/>
      <c r="BZ64" s="218"/>
      <c r="CA64" s="218"/>
      <c r="CB64" s="218"/>
      <c r="CC64" s="218"/>
      <c r="CD64" s="218"/>
      <c r="CE64" s="371" t="str">
        <f t="shared" si="1"/>
        <v/>
      </c>
      <c r="CF64" s="371"/>
      <c r="CG64" s="371"/>
      <c r="CH64" s="371"/>
      <c r="CI64" s="371"/>
      <c r="CJ64" s="379"/>
      <c r="CK64" s="383"/>
      <c r="CL64" s="383"/>
      <c r="CM64" s="370"/>
      <c r="CN64" s="370"/>
      <c r="CO64" s="370"/>
      <c r="CP64" s="370"/>
      <c r="CQ64" s="370"/>
      <c r="CR64" s="370"/>
      <c r="CS64" s="370"/>
      <c r="CT64" s="262"/>
      <c r="CU64" s="262"/>
      <c r="CV64" s="262"/>
      <c r="CW64" s="262"/>
      <c r="CX64" s="371"/>
      <c r="CY64" s="371"/>
      <c r="CZ64" s="455"/>
    </row>
    <row r="65" spans="1:104" s="67" customFormat="1" ht="12">
      <c r="A65" s="72">
        <v>45</v>
      </c>
      <c r="B65" s="103"/>
      <c r="C65" s="807"/>
      <c r="D65" s="103"/>
      <c r="E65" s="103"/>
      <c r="F65" s="103"/>
      <c r="G65" s="103"/>
      <c r="H65" s="217"/>
      <c r="I65" s="217"/>
      <c r="J65" s="217"/>
      <c r="K65" s="353"/>
      <c r="L65" s="353"/>
      <c r="M65" s="401"/>
      <c r="N65" s="401"/>
      <c r="O65" s="789"/>
      <c r="P65" s="798"/>
      <c r="Q65" s="401"/>
      <c r="R65" s="401"/>
      <c r="S65" s="401"/>
      <c r="T65" s="401"/>
      <c r="U65" s="401"/>
      <c r="V65" s="401"/>
      <c r="W65" s="799"/>
      <c r="X65" s="792"/>
      <c r="Y65" s="505"/>
      <c r="Z65" s="505"/>
      <c r="AA65" s="505"/>
      <c r="AB65" s="505"/>
      <c r="AC65" s="218"/>
      <c r="AD65" s="218"/>
      <c r="AE65" s="218"/>
      <c r="AF65" s="218"/>
      <c r="AG65" s="218"/>
      <c r="AH65" s="218"/>
      <c r="AI65" s="218"/>
      <c r="AJ65" s="218"/>
      <c r="AK65" s="218"/>
      <c r="AL65" s="218"/>
      <c r="AM65" s="218"/>
      <c r="AN65" s="218"/>
      <c r="AO65" s="218"/>
      <c r="AP65" s="218"/>
      <c r="AQ65" s="218"/>
      <c r="AR65" s="218"/>
      <c r="AS65" s="218"/>
      <c r="AT65" s="218"/>
      <c r="AU65" s="218"/>
      <c r="AV65" s="218"/>
      <c r="AW65" s="218"/>
      <c r="AX65" s="218"/>
      <c r="AY65" s="218"/>
      <c r="AZ65" s="218"/>
      <c r="BA65" s="218"/>
      <c r="BB65" s="218"/>
      <c r="BC65" s="218"/>
      <c r="BD65" s="218"/>
      <c r="BE65" s="218"/>
      <c r="BF65" s="218"/>
      <c r="BG65" s="218"/>
      <c r="BH65" s="218"/>
      <c r="BI65" s="218"/>
      <c r="BJ65" s="218"/>
      <c r="BK65" s="218"/>
      <c r="BL65" s="218"/>
      <c r="BM65" s="218"/>
      <c r="BN65" s="218"/>
      <c r="BO65" s="218"/>
      <c r="BP65" s="218"/>
      <c r="BQ65" s="218"/>
      <c r="BR65" s="218"/>
      <c r="BS65" s="218"/>
      <c r="BT65" s="218"/>
      <c r="BU65" s="218"/>
      <c r="BV65" s="218"/>
      <c r="BW65" s="218"/>
      <c r="BX65" s="103"/>
      <c r="BY65" s="218"/>
      <c r="BZ65" s="218"/>
      <c r="CA65" s="218"/>
      <c r="CB65" s="218"/>
      <c r="CC65" s="218"/>
      <c r="CD65" s="218"/>
      <c r="CE65" s="371" t="str">
        <f t="shared" si="1"/>
        <v/>
      </c>
      <c r="CF65" s="371"/>
      <c r="CG65" s="371"/>
      <c r="CH65" s="371"/>
      <c r="CI65" s="371"/>
      <c r="CJ65" s="379"/>
      <c r="CK65" s="383"/>
      <c r="CL65" s="383"/>
      <c r="CM65" s="370"/>
      <c r="CN65" s="370"/>
      <c r="CO65" s="370"/>
      <c r="CP65" s="370"/>
      <c r="CQ65" s="370"/>
      <c r="CR65" s="370"/>
      <c r="CS65" s="370"/>
      <c r="CT65" s="262"/>
      <c r="CU65" s="262"/>
      <c r="CV65" s="262"/>
      <c r="CW65" s="262"/>
      <c r="CX65" s="371"/>
      <c r="CY65" s="371"/>
      <c r="CZ65" s="455"/>
    </row>
    <row r="66" spans="1:104" s="67" customFormat="1" ht="12">
      <c r="A66" s="72">
        <v>46</v>
      </c>
      <c r="B66" s="103"/>
      <c r="C66" s="807"/>
      <c r="D66" s="103"/>
      <c r="E66" s="103"/>
      <c r="F66" s="103"/>
      <c r="G66" s="103"/>
      <c r="H66" s="217"/>
      <c r="I66" s="217"/>
      <c r="J66" s="217"/>
      <c r="K66" s="353"/>
      <c r="L66" s="353"/>
      <c r="M66" s="401"/>
      <c r="N66" s="401"/>
      <c r="O66" s="789"/>
      <c r="P66" s="798"/>
      <c r="Q66" s="401"/>
      <c r="R66" s="401"/>
      <c r="S66" s="401"/>
      <c r="T66" s="401"/>
      <c r="U66" s="401"/>
      <c r="V66" s="401"/>
      <c r="W66" s="799"/>
      <c r="X66" s="792"/>
      <c r="Y66" s="505"/>
      <c r="Z66" s="505"/>
      <c r="AA66" s="505"/>
      <c r="AB66" s="505"/>
      <c r="AC66" s="218"/>
      <c r="AD66" s="218"/>
      <c r="AE66" s="218"/>
      <c r="AF66" s="218"/>
      <c r="AG66" s="218"/>
      <c r="AH66" s="218"/>
      <c r="AI66" s="218"/>
      <c r="AJ66" s="218"/>
      <c r="AK66" s="218"/>
      <c r="AL66" s="218"/>
      <c r="AM66" s="218"/>
      <c r="AN66" s="218"/>
      <c r="AO66" s="218"/>
      <c r="AP66" s="218"/>
      <c r="AQ66" s="218"/>
      <c r="AR66" s="218"/>
      <c r="AS66" s="218"/>
      <c r="AT66" s="218"/>
      <c r="AU66" s="218"/>
      <c r="AV66" s="218"/>
      <c r="AW66" s="218"/>
      <c r="AX66" s="218"/>
      <c r="AY66" s="218"/>
      <c r="AZ66" s="218"/>
      <c r="BA66" s="218"/>
      <c r="BB66" s="218"/>
      <c r="BC66" s="218"/>
      <c r="BD66" s="218"/>
      <c r="BE66" s="218"/>
      <c r="BF66" s="218"/>
      <c r="BG66" s="218"/>
      <c r="BH66" s="218"/>
      <c r="BI66" s="218"/>
      <c r="BJ66" s="218"/>
      <c r="BK66" s="218"/>
      <c r="BL66" s="218"/>
      <c r="BM66" s="218"/>
      <c r="BN66" s="218"/>
      <c r="BO66" s="218"/>
      <c r="BP66" s="218"/>
      <c r="BQ66" s="218"/>
      <c r="BR66" s="218"/>
      <c r="BS66" s="218"/>
      <c r="BT66" s="218"/>
      <c r="BU66" s="218"/>
      <c r="BV66" s="218"/>
      <c r="BW66" s="218"/>
      <c r="BX66" s="103"/>
      <c r="BY66" s="218"/>
      <c r="BZ66" s="218"/>
      <c r="CA66" s="218"/>
      <c r="CB66" s="218"/>
      <c r="CC66" s="218"/>
      <c r="CD66" s="218"/>
      <c r="CE66" s="371" t="str">
        <f t="shared" si="1"/>
        <v/>
      </c>
      <c r="CF66" s="371"/>
      <c r="CG66" s="371"/>
      <c r="CH66" s="371"/>
      <c r="CI66" s="371"/>
      <c r="CJ66" s="379"/>
      <c r="CK66" s="383"/>
      <c r="CL66" s="383"/>
      <c r="CM66" s="370"/>
      <c r="CN66" s="370"/>
      <c r="CO66" s="370"/>
      <c r="CP66" s="370"/>
      <c r="CQ66" s="370"/>
      <c r="CR66" s="370"/>
      <c r="CS66" s="370"/>
      <c r="CT66" s="262"/>
      <c r="CU66" s="262"/>
      <c r="CV66" s="262"/>
      <c r="CW66" s="262"/>
      <c r="CX66" s="371"/>
      <c r="CY66" s="371"/>
      <c r="CZ66" s="455"/>
    </row>
    <row r="67" spans="1:104" s="67" customFormat="1" ht="12">
      <c r="A67" s="72">
        <v>47</v>
      </c>
      <c r="B67" s="103"/>
      <c r="C67" s="807"/>
      <c r="D67" s="103"/>
      <c r="E67" s="103"/>
      <c r="F67" s="103"/>
      <c r="G67" s="103"/>
      <c r="H67" s="217"/>
      <c r="I67" s="217"/>
      <c r="J67" s="217"/>
      <c r="K67" s="353"/>
      <c r="L67" s="353"/>
      <c r="M67" s="401"/>
      <c r="N67" s="401"/>
      <c r="O67" s="789"/>
      <c r="P67" s="798"/>
      <c r="Q67" s="401"/>
      <c r="R67" s="401"/>
      <c r="S67" s="401"/>
      <c r="T67" s="401"/>
      <c r="U67" s="401"/>
      <c r="V67" s="401"/>
      <c r="W67" s="799"/>
      <c r="X67" s="792"/>
      <c r="Y67" s="505"/>
      <c r="Z67" s="505"/>
      <c r="AA67" s="505"/>
      <c r="AB67" s="505"/>
      <c r="AC67" s="218"/>
      <c r="AD67" s="218"/>
      <c r="AE67" s="218"/>
      <c r="AF67" s="218"/>
      <c r="AG67" s="218"/>
      <c r="AH67" s="218"/>
      <c r="AI67" s="218"/>
      <c r="AJ67" s="218"/>
      <c r="AK67" s="218"/>
      <c r="AL67" s="218"/>
      <c r="AM67" s="218"/>
      <c r="AN67" s="218"/>
      <c r="AO67" s="218"/>
      <c r="AP67" s="218"/>
      <c r="AQ67" s="218"/>
      <c r="AR67" s="218"/>
      <c r="AS67" s="218"/>
      <c r="AT67" s="218"/>
      <c r="AU67" s="218"/>
      <c r="AV67" s="218"/>
      <c r="AW67" s="218"/>
      <c r="AX67" s="218"/>
      <c r="AY67" s="218"/>
      <c r="AZ67" s="218"/>
      <c r="BA67" s="218"/>
      <c r="BB67" s="218"/>
      <c r="BC67" s="218"/>
      <c r="BD67" s="218"/>
      <c r="BE67" s="218"/>
      <c r="BF67" s="218"/>
      <c r="BG67" s="218"/>
      <c r="BH67" s="218"/>
      <c r="BI67" s="218"/>
      <c r="BJ67" s="218"/>
      <c r="BK67" s="218"/>
      <c r="BL67" s="218"/>
      <c r="BM67" s="218"/>
      <c r="BN67" s="218"/>
      <c r="BO67" s="218"/>
      <c r="BP67" s="218"/>
      <c r="BQ67" s="218"/>
      <c r="BR67" s="218"/>
      <c r="BS67" s="218"/>
      <c r="BT67" s="218"/>
      <c r="BU67" s="218"/>
      <c r="BV67" s="218"/>
      <c r="BW67" s="218"/>
      <c r="BX67" s="103"/>
      <c r="BY67" s="218"/>
      <c r="BZ67" s="218"/>
      <c r="CA67" s="218"/>
      <c r="CB67" s="218"/>
      <c r="CC67" s="218"/>
      <c r="CD67" s="218"/>
      <c r="CE67" s="371" t="str">
        <f t="shared" si="1"/>
        <v/>
      </c>
      <c r="CF67" s="371"/>
      <c r="CG67" s="371"/>
      <c r="CH67" s="371"/>
      <c r="CI67" s="371"/>
      <c r="CJ67" s="379"/>
      <c r="CK67" s="383"/>
      <c r="CL67" s="383"/>
      <c r="CM67" s="370"/>
      <c r="CN67" s="370"/>
      <c r="CO67" s="370"/>
      <c r="CP67" s="370"/>
      <c r="CQ67" s="370"/>
      <c r="CR67" s="370"/>
      <c r="CS67" s="370"/>
      <c r="CT67" s="262"/>
      <c r="CU67" s="262"/>
      <c r="CV67" s="262"/>
      <c r="CW67" s="262"/>
      <c r="CX67" s="371"/>
      <c r="CY67" s="371"/>
      <c r="CZ67" s="455"/>
    </row>
    <row r="68" spans="1:104" s="67" customFormat="1" ht="12">
      <c r="A68" s="72">
        <v>48</v>
      </c>
      <c r="B68" s="103"/>
      <c r="C68" s="807"/>
      <c r="D68" s="103"/>
      <c r="E68" s="103"/>
      <c r="F68" s="103"/>
      <c r="G68" s="103"/>
      <c r="H68" s="217"/>
      <c r="I68" s="217"/>
      <c r="J68" s="217"/>
      <c r="K68" s="353"/>
      <c r="L68" s="353"/>
      <c r="M68" s="401"/>
      <c r="N68" s="401"/>
      <c r="O68" s="789"/>
      <c r="P68" s="798"/>
      <c r="Q68" s="401"/>
      <c r="R68" s="401"/>
      <c r="S68" s="401"/>
      <c r="T68" s="401"/>
      <c r="U68" s="401"/>
      <c r="V68" s="401"/>
      <c r="W68" s="799"/>
      <c r="X68" s="792"/>
      <c r="Y68" s="505"/>
      <c r="Z68" s="505"/>
      <c r="AA68" s="505"/>
      <c r="AB68" s="505"/>
      <c r="AC68" s="218"/>
      <c r="AD68" s="218"/>
      <c r="AE68" s="218"/>
      <c r="AF68" s="218"/>
      <c r="AG68" s="218"/>
      <c r="AH68" s="218"/>
      <c r="AI68" s="218"/>
      <c r="AJ68" s="218"/>
      <c r="AK68" s="218"/>
      <c r="AL68" s="218"/>
      <c r="AM68" s="218"/>
      <c r="AN68" s="218"/>
      <c r="AO68" s="218"/>
      <c r="AP68" s="218"/>
      <c r="AQ68" s="218"/>
      <c r="AR68" s="218"/>
      <c r="AS68" s="218"/>
      <c r="AT68" s="218"/>
      <c r="AU68" s="218"/>
      <c r="AV68" s="218"/>
      <c r="AW68" s="218"/>
      <c r="AX68" s="218"/>
      <c r="AY68" s="218"/>
      <c r="AZ68" s="218"/>
      <c r="BA68" s="218"/>
      <c r="BB68" s="218"/>
      <c r="BC68" s="218"/>
      <c r="BD68" s="218"/>
      <c r="BE68" s="218"/>
      <c r="BF68" s="218"/>
      <c r="BG68" s="218"/>
      <c r="BH68" s="218"/>
      <c r="BI68" s="218"/>
      <c r="BJ68" s="218"/>
      <c r="BK68" s="218"/>
      <c r="BL68" s="218"/>
      <c r="BM68" s="218"/>
      <c r="BN68" s="218"/>
      <c r="BO68" s="218"/>
      <c r="BP68" s="218"/>
      <c r="BQ68" s="218"/>
      <c r="BR68" s="218"/>
      <c r="BS68" s="218"/>
      <c r="BT68" s="218"/>
      <c r="BU68" s="218"/>
      <c r="BV68" s="218"/>
      <c r="BW68" s="218"/>
      <c r="BX68" s="103"/>
      <c r="BY68" s="218"/>
      <c r="BZ68" s="218"/>
      <c r="CA68" s="218"/>
      <c r="CB68" s="218"/>
      <c r="CC68" s="218"/>
      <c r="CD68" s="218"/>
      <c r="CE68" s="371" t="str">
        <f t="shared" si="1"/>
        <v/>
      </c>
      <c r="CF68" s="371"/>
      <c r="CG68" s="371"/>
      <c r="CH68" s="371"/>
      <c r="CI68" s="371"/>
      <c r="CJ68" s="379"/>
      <c r="CK68" s="383"/>
      <c r="CL68" s="383"/>
      <c r="CM68" s="370"/>
      <c r="CN68" s="370"/>
      <c r="CO68" s="370"/>
      <c r="CP68" s="370"/>
      <c r="CQ68" s="370"/>
      <c r="CR68" s="370"/>
      <c r="CS68" s="370"/>
      <c r="CT68" s="262"/>
      <c r="CU68" s="262"/>
      <c r="CV68" s="262"/>
      <c r="CW68" s="262"/>
      <c r="CX68" s="371"/>
      <c r="CY68" s="371"/>
      <c r="CZ68" s="455"/>
    </row>
    <row r="69" spans="1:104" s="67" customFormat="1" ht="12">
      <c r="A69" s="72">
        <v>49</v>
      </c>
      <c r="B69" s="103"/>
      <c r="C69" s="807"/>
      <c r="D69" s="103"/>
      <c r="E69" s="103"/>
      <c r="F69" s="103"/>
      <c r="G69" s="103"/>
      <c r="H69" s="217"/>
      <c r="I69" s="217"/>
      <c r="J69" s="217"/>
      <c r="K69" s="353"/>
      <c r="L69" s="353"/>
      <c r="M69" s="401"/>
      <c r="N69" s="401"/>
      <c r="O69" s="789"/>
      <c r="P69" s="798"/>
      <c r="Q69" s="401"/>
      <c r="R69" s="401"/>
      <c r="S69" s="401"/>
      <c r="T69" s="401"/>
      <c r="U69" s="401"/>
      <c r="V69" s="401"/>
      <c r="W69" s="799"/>
      <c r="X69" s="792"/>
      <c r="Y69" s="505"/>
      <c r="Z69" s="505"/>
      <c r="AA69" s="505"/>
      <c r="AB69" s="505"/>
      <c r="AC69" s="218"/>
      <c r="AD69" s="218"/>
      <c r="AE69" s="218"/>
      <c r="AF69" s="218"/>
      <c r="AG69" s="218"/>
      <c r="AH69" s="218"/>
      <c r="AI69" s="218"/>
      <c r="AJ69" s="218"/>
      <c r="AK69" s="218"/>
      <c r="AL69" s="218"/>
      <c r="AM69" s="218"/>
      <c r="AN69" s="218"/>
      <c r="AO69" s="218"/>
      <c r="AP69" s="218"/>
      <c r="AQ69" s="218"/>
      <c r="AR69" s="218"/>
      <c r="AS69" s="218"/>
      <c r="AT69" s="218"/>
      <c r="AU69" s="218"/>
      <c r="AV69" s="218"/>
      <c r="AW69" s="218"/>
      <c r="AX69" s="218"/>
      <c r="AY69" s="218"/>
      <c r="AZ69" s="218"/>
      <c r="BA69" s="218"/>
      <c r="BB69" s="218"/>
      <c r="BC69" s="218"/>
      <c r="BD69" s="218"/>
      <c r="BE69" s="218"/>
      <c r="BF69" s="218"/>
      <c r="BG69" s="218"/>
      <c r="BH69" s="218"/>
      <c r="BI69" s="218"/>
      <c r="BJ69" s="218"/>
      <c r="BK69" s="218"/>
      <c r="BL69" s="218"/>
      <c r="BM69" s="218"/>
      <c r="BN69" s="218"/>
      <c r="BO69" s="218"/>
      <c r="BP69" s="218"/>
      <c r="BQ69" s="218"/>
      <c r="BR69" s="218"/>
      <c r="BS69" s="218"/>
      <c r="BT69" s="218"/>
      <c r="BU69" s="218"/>
      <c r="BV69" s="218"/>
      <c r="BW69" s="218"/>
      <c r="BX69" s="103"/>
      <c r="BY69" s="218"/>
      <c r="BZ69" s="218"/>
      <c r="CA69" s="218"/>
      <c r="CB69" s="218"/>
      <c r="CC69" s="218"/>
      <c r="CD69" s="218"/>
      <c r="CE69" s="371" t="str">
        <f t="shared" si="1"/>
        <v/>
      </c>
      <c r="CF69" s="371"/>
      <c r="CG69" s="371"/>
      <c r="CH69" s="371"/>
      <c r="CI69" s="371"/>
      <c r="CJ69" s="379"/>
      <c r="CK69" s="383"/>
      <c r="CL69" s="383"/>
      <c r="CM69" s="370"/>
      <c r="CN69" s="370"/>
      <c r="CO69" s="370"/>
      <c r="CP69" s="370"/>
      <c r="CQ69" s="370"/>
      <c r="CR69" s="370"/>
      <c r="CS69" s="370"/>
      <c r="CT69" s="262"/>
      <c r="CU69" s="262"/>
      <c r="CV69" s="262"/>
      <c r="CW69" s="262"/>
      <c r="CX69" s="371"/>
      <c r="CY69" s="371"/>
      <c r="CZ69" s="455"/>
    </row>
    <row r="70" spans="1:104" s="67" customFormat="1" ht="12">
      <c r="A70" s="72">
        <v>50</v>
      </c>
      <c r="B70" s="103"/>
      <c r="C70" s="807"/>
      <c r="D70" s="103"/>
      <c r="E70" s="103"/>
      <c r="F70" s="103"/>
      <c r="G70" s="103"/>
      <c r="H70" s="217"/>
      <c r="I70" s="217"/>
      <c r="J70" s="217"/>
      <c r="K70" s="353"/>
      <c r="L70" s="353"/>
      <c r="M70" s="401"/>
      <c r="N70" s="401"/>
      <c r="O70" s="789"/>
      <c r="P70" s="798"/>
      <c r="Q70" s="401"/>
      <c r="R70" s="401"/>
      <c r="S70" s="401"/>
      <c r="T70" s="401"/>
      <c r="U70" s="401"/>
      <c r="V70" s="401"/>
      <c r="W70" s="799"/>
      <c r="X70" s="792"/>
      <c r="Y70" s="505"/>
      <c r="Z70" s="505"/>
      <c r="AA70" s="505"/>
      <c r="AB70" s="505"/>
      <c r="AC70" s="218"/>
      <c r="AD70" s="218"/>
      <c r="AE70" s="218"/>
      <c r="AF70" s="218"/>
      <c r="AG70" s="218"/>
      <c r="AH70" s="218"/>
      <c r="AI70" s="218"/>
      <c r="AJ70" s="218"/>
      <c r="AK70" s="218"/>
      <c r="AL70" s="218"/>
      <c r="AM70" s="218"/>
      <c r="AN70" s="218"/>
      <c r="AO70" s="218"/>
      <c r="AP70" s="218"/>
      <c r="AQ70" s="218"/>
      <c r="AR70" s="218"/>
      <c r="AS70" s="218"/>
      <c r="AT70" s="218"/>
      <c r="AU70" s="218"/>
      <c r="AV70" s="218"/>
      <c r="AW70" s="218"/>
      <c r="AX70" s="218"/>
      <c r="AY70" s="218"/>
      <c r="AZ70" s="218"/>
      <c r="BA70" s="218"/>
      <c r="BB70" s="218"/>
      <c r="BC70" s="218"/>
      <c r="BD70" s="218"/>
      <c r="BE70" s="218"/>
      <c r="BF70" s="218"/>
      <c r="BG70" s="218"/>
      <c r="BH70" s="218"/>
      <c r="BI70" s="218"/>
      <c r="BJ70" s="218"/>
      <c r="BK70" s="218"/>
      <c r="BL70" s="218"/>
      <c r="BM70" s="218"/>
      <c r="BN70" s="218"/>
      <c r="BO70" s="218"/>
      <c r="BP70" s="218"/>
      <c r="BQ70" s="218"/>
      <c r="BR70" s="218"/>
      <c r="BS70" s="218"/>
      <c r="BT70" s="218"/>
      <c r="BU70" s="218"/>
      <c r="BV70" s="218"/>
      <c r="BW70" s="218"/>
      <c r="BX70" s="103"/>
      <c r="BY70" s="218"/>
      <c r="BZ70" s="218"/>
      <c r="CA70" s="218"/>
      <c r="CB70" s="218"/>
      <c r="CC70" s="218"/>
      <c r="CD70" s="218"/>
      <c r="CE70" s="371" t="str">
        <f t="shared" si="1"/>
        <v/>
      </c>
      <c r="CF70" s="371"/>
      <c r="CG70" s="371"/>
      <c r="CH70" s="371"/>
      <c r="CI70" s="371"/>
      <c r="CJ70" s="379"/>
      <c r="CK70" s="383"/>
      <c r="CL70" s="383"/>
      <c r="CM70" s="370"/>
      <c r="CN70" s="370"/>
      <c r="CO70" s="370"/>
      <c r="CP70" s="370"/>
      <c r="CQ70" s="370"/>
      <c r="CR70" s="370"/>
      <c r="CS70" s="370"/>
      <c r="CT70" s="262"/>
      <c r="CU70" s="262"/>
      <c r="CV70" s="262"/>
      <c r="CW70" s="262"/>
      <c r="CX70" s="371"/>
      <c r="CY70" s="371"/>
      <c r="CZ70" s="455"/>
    </row>
    <row r="71" spans="1:104" s="67" customFormat="1" ht="12">
      <c r="A71" s="72">
        <v>51</v>
      </c>
      <c r="B71" s="103"/>
      <c r="C71" s="807"/>
      <c r="D71" s="103"/>
      <c r="E71" s="103"/>
      <c r="F71" s="103"/>
      <c r="G71" s="103"/>
      <c r="H71" s="217"/>
      <c r="I71" s="217"/>
      <c r="J71" s="217"/>
      <c r="K71" s="353"/>
      <c r="L71" s="353"/>
      <c r="M71" s="401"/>
      <c r="N71" s="401"/>
      <c r="O71" s="789"/>
      <c r="P71" s="798"/>
      <c r="Q71" s="401"/>
      <c r="R71" s="401"/>
      <c r="S71" s="401"/>
      <c r="T71" s="401"/>
      <c r="U71" s="401"/>
      <c r="V71" s="401"/>
      <c r="W71" s="799"/>
      <c r="X71" s="792"/>
      <c r="Y71" s="505"/>
      <c r="Z71" s="505"/>
      <c r="AA71" s="505"/>
      <c r="AB71" s="505"/>
      <c r="AC71" s="218"/>
      <c r="AD71" s="218"/>
      <c r="AE71" s="218"/>
      <c r="AF71" s="218"/>
      <c r="AG71" s="218"/>
      <c r="AH71" s="218"/>
      <c r="AI71" s="218"/>
      <c r="AJ71" s="218"/>
      <c r="AK71" s="218"/>
      <c r="AL71" s="218"/>
      <c r="AM71" s="218"/>
      <c r="AN71" s="218"/>
      <c r="AO71" s="218"/>
      <c r="AP71" s="218"/>
      <c r="AQ71" s="218"/>
      <c r="AR71" s="218"/>
      <c r="AS71" s="218"/>
      <c r="AT71" s="218"/>
      <c r="AU71" s="218"/>
      <c r="AV71" s="218"/>
      <c r="AW71" s="218"/>
      <c r="AX71" s="218"/>
      <c r="AY71" s="218"/>
      <c r="AZ71" s="218"/>
      <c r="BA71" s="218"/>
      <c r="BB71" s="218"/>
      <c r="BC71" s="218"/>
      <c r="BD71" s="218"/>
      <c r="BE71" s="218"/>
      <c r="BF71" s="218"/>
      <c r="BG71" s="218"/>
      <c r="BH71" s="218"/>
      <c r="BI71" s="218"/>
      <c r="BJ71" s="218"/>
      <c r="BK71" s="218"/>
      <c r="BL71" s="218"/>
      <c r="BM71" s="218"/>
      <c r="BN71" s="218"/>
      <c r="BO71" s="218"/>
      <c r="BP71" s="218"/>
      <c r="BQ71" s="218"/>
      <c r="BR71" s="218"/>
      <c r="BS71" s="218"/>
      <c r="BT71" s="218"/>
      <c r="BU71" s="218"/>
      <c r="BV71" s="218"/>
      <c r="BW71" s="218"/>
      <c r="BX71" s="103"/>
      <c r="BY71" s="218"/>
      <c r="BZ71" s="218"/>
      <c r="CA71" s="218"/>
      <c r="CB71" s="218"/>
      <c r="CC71" s="218"/>
      <c r="CD71" s="218"/>
      <c r="CE71" s="371" t="str">
        <f t="shared" si="1"/>
        <v/>
      </c>
      <c r="CF71" s="371"/>
      <c r="CG71" s="371"/>
      <c r="CH71" s="371"/>
      <c r="CI71" s="371"/>
      <c r="CJ71" s="379"/>
      <c r="CK71" s="383"/>
      <c r="CL71" s="383"/>
      <c r="CM71" s="370"/>
      <c r="CN71" s="370"/>
      <c r="CO71" s="370"/>
      <c r="CP71" s="370"/>
      <c r="CQ71" s="370"/>
      <c r="CR71" s="370"/>
      <c r="CS71" s="370"/>
      <c r="CT71" s="262"/>
      <c r="CU71" s="262"/>
      <c r="CV71" s="262"/>
      <c r="CW71" s="262"/>
      <c r="CX71" s="371"/>
      <c r="CY71" s="371"/>
      <c r="CZ71" s="455"/>
    </row>
    <row r="72" spans="1:104" s="67" customFormat="1" ht="12">
      <c r="A72" s="72">
        <v>52</v>
      </c>
      <c r="B72" s="103"/>
      <c r="C72" s="807"/>
      <c r="D72" s="103"/>
      <c r="E72" s="103"/>
      <c r="F72" s="103"/>
      <c r="G72" s="103"/>
      <c r="H72" s="217"/>
      <c r="I72" s="217"/>
      <c r="J72" s="217"/>
      <c r="K72" s="353"/>
      <c r="L72" s="353"/>
      <c r="M72" s="401"/>
      <c r="N72" s="401"/>
      <c r="O72" s="789"/>
      <c r="P72" s="798"/>
      <c r="Q72" s="401"/>
      <c r="R72" s="401"/>
      <c r="S72" s="401"/>
      <c r="T72" s="401"/>
      <c r="U72" s="401"/>
      <c r="V72" s="401"/>
      <c r="W72" s="799"/>
      <c r="X72" s="792"/>
      <c r="Y72" s="505"/>
      <c r="Z72" s="505"/>
      <c r="AA72" s="505"/>
      <c r="AB72" s="505"/>
      <c r="AC72" s="218"/>
      <c r="AD72" s="218"/>
      <c r="AE72" s="218"/>
      <c r="AF72" s="218"/>
      <c r="AG72" s="218"/>
      <c r="AH72" s="218"/>
      <c r="AI72" s="218"/>
      <c r="AJ72" s="218"/>
      <c r="AK72" s="218"/>
      <c r="AL72" s="218"/>
      <c r="AM72" s="218"/>
      <c r="AN72" s="218"/>
      <c r="AO72" s="218"/>
      <c r="AP72" s="218"/>
      <c r="AQ72" s="218"/>
      <c r="AR72" s="218"/>
      <c r="AS72" s="218"/>
      <c r="AT72" s="218"/>
      <c r="AU72" s="218"/>
      <c r="AV72" s="218"/>
      <c r="AW72" s="218"/>
      <c r="AX72" s="218"/>
      <c r="AY72" s="218"/>
      <c r="AZ72" s="218"/>
      <c r="BA72" s="218"/>
      <c r="BB72" s="218"/>
      <c r="BC72" s="218"/>
      <c r="BD72" s="218"/>
      <c r="BE72" s="218"/>
      <c r="BF72" s="218"/>
      <c r="BG72" s="218"/>
      <c r="BH72" s="218"/>
      <c r="BI72" s="218"/>
      <c r="BJ72" s="218"/>
      <c r="BK72" s="218"/>
      <c r="BL72" s="218"/>
      <c r="BM72" s="218"/>
      <c r="BN72" s="218"/>
      <c r="BO72" s="218"/>
      <c r="BP72" s="218"/>
      <c r="BQ72" s="218"/>
      <c r="BR72" s="218"/>
      <c r="BS72" s="218"/>
      <c r="BT72" s="218"/>
      <c r="BU72" s="218"/>
      <c r="BV72" s="218"/>
      <c r="BW72" s="218"/>
      <c r="BX72" s="103"/>
      <c r="BY72" s="218"/>
      <c r="BZ72" s="218"/>
      <c r="CA72" s="218"/>
      <c r="CB72" s="218"/>
      <c r="CC72" s="218"/>
      <c r="CD72" s="218"/>
      <c r="CE72" s="371" t="str">
        <f t="shared" si="1"/>
        <v/>
      </c>
      <c r="CF72" s="371"/>
      <c r="CG72" s="371"/>
      <c r="CH72" s="371"/>
      <c r="CI72" s="371"/>
      <c r="CJ72" s="379"/>
      <c r="CK72" s="383"/>
      <c r="CL72" s="383"/>
      <c r="CM72" s="370"/>
      <c r="CN72" s="370"/>
      <c r="CO72" s="370"/>
      <c r="CP72" s="370"/>
      <c r="CQ72" s="370"/>
      <c r="CR72" s="370"/>
      <c r="CS72" s="370"/>
      <c r="CT72" s="262"/>
      <c r="CU72" s="262"/>
      <c r="CV72" s="262"/>
      <c r="CW72" s="262"/>
      <c r="CX72" s="371"/>
      <c r="CY72" s="371"/>
      <c r="CZ72" s="455"/>
    </row>
    <row r="73" spans="1:104" s="67" customFormat="1" ht="12">
      <c r="A73" s="72">
        <v>53</v>
      </c>
      <c r="B73" s="103"/>
      <c r="C73" s="807"/>
      <c r="D73" s="103"/>
      <c r="E73" s="103"/>
      <c r="F73" s="103"/>
      <c r="G73" s="103"/>
      <c r="H73" s="217"/>
      <c r="I73" s="217"/>
      <c r="J73" s="217"/>
      <c r="K73" s="353"/>
      <c r="L73" s="353"/>
      <c r="M73" s="401"/>
      <c r="N73" s="401"/>
      <c r="O73" s="789"/>
      <c r="P73" s="798"/>
      <c r="Q73" s="401"/>
      <c r="R73" s="401"/>
      <c r="S73" s="401"/>
      <c r="T73" s="401"/>
      <c r="U73" s="401"/>
      <c r="V73" s="401"/>
      <c r="W73" s="799"/>
      <c r="X73" s="792"/>
      <c r="Y73" s="505"/>
      <c r="Z73" s="505"/>
      <c r="AA73" s="505"/>
      <c r="AB73" s="505"/>
      <c r="AC73" s="218"/>
      <c r="AD73" s="218"/>
      <c r="AE73" s="218"/>
      <c r="AF73" s="218"/>
      <c r="AG73" s="218"/>
      <c r="AH73" s="218"/>
      <c r="AI73" s="218"/>
      <c r="AJ73" s="218"/>
      <c r="AK73" s="218"/>
      <c r="AL73" s="218"/>
      <c r="AM73" s="218"/>
      <c r="AN73" s="218"/>
      <c r="AO73" s="218"/>
      <c r="AP73" s="218"/>
      <c r="AQ73" s="218"/>
      <c r="AR73" s="218"/>
      <c r="AS73" s="218"/>
      <c r="AT73" s="218"/>
      <c r="AU73" s="218"/>
      <c r="AV73" s="218"/>
      <c r="AW73" s="218"/>
      <c r="AX73" s="218"/>
      <c r="AY73" s="218"/>
      <c r="AZ73" s="218"/>
      <c r="BA73" s="218"/>
      <c r="BB73" s="218"/>
      <c r="BC73" s="218"/>
      <c r="BD73" s="218"/>
      <c r="BE73" s="218"/>
      <c r="BF73" s="218"/>
      <c r="BG73" s="218"/>
      <c r="BH73" s="218"/>
      <c r="BI73" s="218"/>
      <c r="BJ73" s="218"/>
      <c r="BK73" s="218"/>
      <c r="BL73" s="218"/>
      <c r="BM73" s="218"/>
      <c r="BN73" s="218"/>
      <c r="BO73" s="218"/>
      <c r="BP73" s="218"/>
      <c r="BQ73" s="218"/>
      <c r="BR73" s="218"/>
      <c r="BS73" s="218"/>
      <c r="BT73" s="218"/>
      <c r="BU73" s="218"/>
      <c r="BV73" s="218"/>
      <c r="BW73" s="218"/>
      <c r="BX73" s="103"/>
      <c r="BY73" s="218"/>
      <c r="BZ73" s="218"/>
      <c r="CA73" s="218"/>
      <c r="CB73" s="218"/>
      <c r="CC73" s="218"/>
      <c r="CD73" s="218"/>
      <c r="CE73" s="371" t="str">
        <f t="shared" si="1"/>
        <v/>
      </c>
      <c r="CF73" s="371"/>
      <c r="CG73" s="371"/>
      <c r="CH73" s="371"/>
      <c r="CI73" s="371"/>
      <c r="CJ73" s="379"/>
      <c r="CK73" s="383"/>
      <c r="CL73" s="383"/>
      <c r="CM73" s="370"/>
      <c r="CN73" s="370"/>
      <c r="CO73" s="370"/>
      <c r="CP73" s="370"/>
      <c r="CQ73" s="370"/>
      <c r="CR73" s="370"/>
      <c r="CS73" s="370"/>
      <c r="CT73" s="262"/>
      <c r="CU73" s="262"/>
      <c r="CV73" s="262"/>
      <c r="CW73" s="262"/>
      <c r="CX73" s="371"/>
      <c r="CY73" s="371"/>
      <c r="CZ73" s="455"/>
    </row>
    <row r="74" spans="1:104" s="67" customFormat="1" ht="12">
      <c r="A74" s="72">
        <v>54</v>
      </c>
      <c r="B74" s="103"/>
      <c r="C74" s="807"/>
      <c r="D74" s="103"/>
      <c r="E74" s="103"/>
      <c r="F74" s="103"/>
      <c r="G74" s="103"/>
      <c r="H74" s="217"/>
      <c r="I74" s="217"/>
      <c r="J74" s="217"/>
      <c r="K74" s="353"/>
      <c r="L74" s="353"/>
      <c r="M74" s="401"/>
      <c r="N74" s="401"/>
      <c r="O74" s="789"/>
      <c r="P74" s="798"/>
      <c r="Q74" s="401"/>
      <c r="R74" s="401"/>
      <c r="S74" s="401"/>
      <c r="T74" s="401"/>
      <c r="U74" s="401"/>
      <c r="V74" s="401"/>
      <c r="W74" s="799"/>
      <c r="X74" s="792"/>
      <c r="Y74" s="505"/>
      <c r="Z74" s="505"/>
      <c r="AA74" s="505"/>
      <c r="AB74" s="505"/>
      <c r="AC74" s="218"/>
      <c r="AD74" s="218"/>
      <c r="AE74" s="218"/>
      <c r="AF74" s="218"/>
      <c r="AG74" s="218"/>
      <c r="AH74" s="218"/>
      <c r="AI74" s="218"/>
      <c r="AJ74" s="218"/>
      <c r="AK74" s="218"/>
      <c r="AL74" s="218"/>
      <c r="AM74" s="218"/>
      <c r="AN74" s="218"/>
      <c r="AO74" s="218"/>
      <c r="AP74" s="218"/>
      <c r="AQ74" s="218"/>
      <c r="AR74" s="218"/>
      <c r="AS74" s="218"/>
      <c r="AT74" s="218"/>
      <c r="AU74" s="218"/>
      <c r="AV74" s="218"/>
      <c r="AW74" s="218"/>
      <c r="AX74" s="218"/>
      <c r="AY74" s="218"/>
      <c r="AZ74" s="218"/>
      <c r="BA74" s="218"/>
      <c r="BB74" s="218"/>
      <c r="BC74" s="218"/>
      <c r="BD74" s="218"/>
      <c r="BE74" s="218"/>
      <c r="BF74" s="218"/>
      <c r="BG74" s="218"/>
      <c r="BH74" s="218"/>
      <c r="BI74" s="218"/>
      <c r="BJ74" s="218"/>
      <c r="BK74" s="218"/>
      <c r="BL74" s="218"/>
      <c r="BM74" s="218"/>
      <c r="BN74" s="218"/>
      <c r="BO74" s="218"/>
      <c r="BP74" s="218"/>
      <c r="BQ74" s="218"/>
      <c r="BR74" s="218"/>
      <c r="BS74" s="218"/>
      <c r="BT74" s="218"/>
      <c r="BU74" s="218"/>
      <c r="BV74" s="218"/>
      <c r="BW74" s="218"/>
      <c r="BX74" s="103"/>
      <c r="BY74" s="218"/>
      <c r="BZ74" s="218"/>
      <c r="CA74" s="218"/>
      <c r="CB74" s="218"/>
      <c r="CC74" s="218"/>
      <c r="CD74" s="218"/>
      <c r="CE74" s="371" t="str">
        <f t="shared" si="1"/>
        <v/>
      </c>
      <c r="CF74" s="371"/>
      <c r="CG74" s="371"/>
      <c r="CH74" s="371"/>
      <c r="CI74" s="371"/>
      <c r="CJ74" s="379"/>
      <c r="CK74" s="383"/>
      <c r="CL74" s="383"/>
      <c r="CM74" s="370"/>
      <c r="CN74" s="370"/>
      <c r="CO74" s="370"/>
      <c r="CP74" s="370"/>
      <c r="CQ74" s="370"/>
      <c r="CR74" s="370"/>
      <c r="CS74" s="370"/>
      <c r="CT74" s="262"/>
      <c r="CU74" s="262"/>
      <c r="CV74" s="262"/>
      <c r="CW74" s="262"/>
      <c r="CX74" s="371"/>
      <c r="CY74" s="371"/>
      <c r="CZ74" s="455"/>
    </row>
    <row r="75" spans="1:104" s="67" customFormat="1" ht="12">
      <c r="A75" s="72">
        <v>55</v>
      </c>
      <c r="B75" s="103"/>
      <c r="C75" s="807"/>
      <c r="D75" s="103"/>
      <c r="E75" s="103"/>
      <c r="F75" s="103"/>
      <c r="G75" s="103"/>
      <c r="H75" s="217"/>
      <c r="I75" s="217"/>
      <c r="J75" s="217"/>
      <c r="K75" s="353"/>
      <c r="L75" s="353"/>
      <c r="M75" s="401"/>
      <c r="N75" s="401"/>
      <c r="O75" s="789"/>
      <c r="P75" s="798"/>
      <c r="Q75" s="401"/>
      <c r="R75" s="401"/>
      <c r="S75" s="401"/>
      <c r="T75" s="401"/>
      <c r="U75" s="401"/>
      <c r="V75" s="401"/>
      <c r="W75" s="799"/>
      <c r="X75" s="792"/>
      <c r="Y75" s="505"/>
      <c r="Z75" s="505"/>
      <c r="AA75" s="505"/>
      <c r="AB75" s="505"/>
      <c r="AC75" s="218"/>
      <c r="AD75" s="218"/>
      <c r="AE75" s="218"/>
      <c r="AF75" s="218"/>
      <c r="AG75" s="218"/>
      <c r="AH75" s="218"/>
      <c r="AI75" s="218"/>
      <c r="AJ75" s="218"/>
      <c r="AK75" s="218"/>
      <c r="AL75" s="218"/>
      <c r="AM75" s="218"/>
      <c r="AN75" s="218"/>
      <c r="AO75" s="218"/>
      <c r="AP75" s="218"/>
      <c r="AQ75" s="218"/>
      <c r="AR75" s="218"/>
      <c r="AS75" s="218"/>
      <c r="AT75" s="218"/>
      <c r="AU75" s="218"/>
      <c r="AV75" s="218"/>
      <c r="AW75" s="218"/>
      <c r="AX75" s="218"/>
      <c r="AY75" s="218"/>
      <c r="AZ75" s="218"/>
      <c r="BA75" s="218"/>
      <c r="BB75" s="218"/>
      <c r="BC75" s="218"/>
      <c r="BD75" s="218"/>
      <c r="BE75" s="218"/>
      <c r="BF75" s="218"/>
      <c r="BG75" s="218"/>
      <c r="BH75" s="218"/>
      <c r="BI75" s="218"/>
      <c r="BJ75" s="218"/>
      <c r="BK75" s="218"/>
      <c r="BL75" s="218"/>
      <c r="BM75" s="218"/>
      <c r="BN75" s="218"/>
      <c r="BO75" s="218"/>
      <c r="BP75" s="218"/>
      <c r="BQ75" s="218"/>
      <c r="BR75" s="218"/>
      <c r="BS75" s="218"/>
      <c r="BT75" s="218"/>
      <c r="BU75" s="218"/>
      <c r="BV75" s="218"/>
      <c r="BW75" s="218"/>
      <c r="BX75" s="103"/>
      <c r="BY75" s="218"/>
      <c r="BZ75" s="218"/>
      <c r="CA75" s="218"/>
      <c r="CB75" s="218"/>
      <c r="CC75" s="218"/>
      <c r="CD75" s="218"/>
      <c r="CE75" s="371" t="str">
        <f t="shared" si="1"/>
        <v/>
      </c>
      <c r="CF75" s="371"/>
      <c r="CG75" s="371"/>
      <c r="CH75" s="371"/>
      <c r="CI75" s="371"/>
      <c r="CJ75" s="379"/>
      <c r="CK75" s="383"/>
      <c r="CL75" s="383"/>
      <c r="CM75" s="370"/>
      <c r="CN75" s="370"/>
      <c r="CO75" s="370"/>
      <c r="CP75" s="370"/>
      <c r="CQ75" s="370"/>
      <c r="CR75" s="370"/>
      <c r="CS75" s="370"/>
      <c r="CT75" s="262"/>
      <c r="CU75" s="262"/>
      <c r="CV75" s="262"/>
      <c r="CW75" s="262"/>
      <c r="CX75" s="371"/>
      <c r="CY75" s="371"/>
      <c r="CZ75" s="455"/>
    </row>
    <row r="76" spans="1:104" s="67" customFormat="1" ht="12">
      <c r="A76" s="72">
        <v>56</v>
      </c>
      <c r="B76" s="103"/>
      <c r="C76" s="807"/>
      <c r="D76" s="103"/>
      <c r="E76" s="103"/>
      <c r="F76" s="103"/>
      <c r="G76" s="103"/>
      <c r="H76" s="217"/>
      <c r="I76" s="217"/>
      <c r="J76" s="217"/>
      <c r="K76" s="353"/>
      <c r="L76" s="353"/>
      <c r="M76" s="401"/>
      <c r="N76" s="401"/>
      <c r="O76" s="789"/>
      <c r="P76" s="798"/>
      <c r="Q76" s="401"/>
      <c r="R76" s="401"/>
      <c r="S76" s="401"/>
      <c r="T76" s="401"/>
      <c r="U76" s="401"/>
      <c r="V76" s="401"/>
      <c r="W76" s="799"/>
      <c r="X76" s="792"/>
      <c r="Y76" s="505"/>
      <c r="Z76" s="505"/>
      <c r="AA76" s="505"/>
      <c r="AB76" s="505"/>
      <c r="AC76" s="218"/>
      <c r="AD76" s="218"/>
      <c r="AE76" s="218"/>
      <c r="AF76" s="218"/>
      <c r="AG76" s="218"/>
      <c r="AH76" s="218"/>
      <c r="AI76" s="218"/>
      <c r="AJ76" s="218"/>
      <c r="AK76" s="218"/>
      <c r="AL76" s="218"/>
      <c r="AM76" s="218"/>
      <c r="AN76" s="218"/>
      <c r="AO76" s="218"/>
      <c r="AP76" s="218"/>
      <c r="AQ76" s="218"/>
      <c r="AR76" s="218"/>
      <c r="AS76" s="218"/>
      <c r="AT76" s="218"/>
      <c r="AU76" s="218"/>
      <c r="AV76" s="218"/>
      <c r="AW76" s="218"/>
      <c r="AX76" s="218"/>
      <c r="AY76" s="218"/>
      <c r="AZ76" s="218"/>
      <c r="BA76" s="218"/>
      <c r="BB76" s="218"/>
      <c r="BC76" s="218"/>
      <c r="BD76" s="218"/>
      <c r="BE76" s="218"/>
      <c r="BF76" s="218"/>
      <c r="BG76" s="218"/>
      <c r="BH76" s="218"/>
      <c r="BI76" s="218"/>
      <c r="BJ76" s="218"/>
      <c r="BK76" s="218"/>
      <c r="BL76" s="218"/>
      <c r="BM76" s="218"/>
      <c r="BN76" s="218"/>
      <c r="BO76" s="218"/>
      <c r="BP76" s="218"/>
      <c r="BQ76" s="218"/>
      <c r="BR76" s="218"/>
      <c r="BS76" s="218"/>
      <c r="BT76" s="218"/>
      <c r="BU76" s="218"/>
      <c r="BV76" s="218"/>
      <c r="BW76" s="218"/>
      <c r="BX76" s="103"/>
      <c r="BY76" s="218"/>
      <c r="BZ76" s="218"/>
      <c r="CA76" s="218"/>
      <c r="CB76" s="218"/>
      <c r="CC76" s="218"/>
      <c r="CD76" s="218"/>
      <c r="CE76" s="371" t="str">
        <f t="shared" si="1"/>
        <v/>
      </c>
      <c r="CF76" s="371"/>
      <c r="CG76" s="371"/>
      <c r="CH76" s="371"/>
      <c r="CI76" s="371"/>
      <c r="CJ76" s="379"/>
      <c r="CK76" s="383"/>
      <c r="CL76" s="383"/>
      <c r="CM76" s="370"/>
      <c r="CN76" s="370"/>
      <c r="CO76" s="370"/>
      <c r="CP76" s="370"/>
      <c r="CQ76" s="370"/>
      <c r="CR76" s="370"/>
      <c r="CS76" s="370"/>
      <c r="CT76" s="262"/>
      <c r="CU76" s="262"/>
      <c r="CV76" s="262"/>
      <c r="CW76" s="262"/>
      <c r="CX76" s="371"/>
      <c r="CY76" s="371"/>
      <c r="CZ76" s="455"/>
    </row>
    <row r="77" spans="1:104" s="67" customFormat="1" ht="12">
      <c r="A77" s="72">
        <v>57</v>
      </c>
      <c r="B77" s="103"/>
      <c r="C77" s="807"/>
      <c r="D77" s="103"/>
      <c r="E77" s="103"/>
      <c r="F77" s="103"/>
      <c r="G77" s="103"/>
      <c r="H77" s="217"/>
      <c r="I77" s="217"/>
      <c r="J77" s="217"/>
      <c r="K77" s="353"/>
      <c r="L77" s="353"/>
      <c r="M77" s="401"/>
      <c r="N77" s="401"/>
      <c r="O77" s="789"/>
      <c r="P77" s="798"/>
      <c r="Q77" s="401"/>
      <c r="R77" s="401"/>
      <c r="S77" s="401"/>
      <c r="T77" s="401"/>
      <c r="U77" s="401"/>
      <c r="V77" s="401"/>
      <c r="W77" s="799"/>
      <c r="X77" s="792"/>
      <c r="Y77" s="505"/>
      <c r="Z77" s="505"/>
      <c r="AA77" s="505"/>
      <c r="AB77" s="505"/>
      <c r="AC77" s="218"/>
      <c r="AD77" s="218"/>
      <c r="AE77" s="218"/>
      <c r="AF77" s="218"/>
      <c r="AG77" s="218"/>
      <c r="AH77" s="218"/>
      <c r="AI77" s="218"/>
      <c r="AJ77" s="218"/>
      <c r="AK77" s="218"/>
      <c r="AL77" s="218"/>
      <c r="AM77" s="218"/>
      <c r="AN77" s="218"/>
      <c r="AO77" s="218"/>
      <c r="AP77" s="218"/>
      <c r="AQ77" s="218"/>
      <c r="AR77" s="218"/>
      <c r="AS77" s="218"/>
      <c r="AT77" s="218"/>
      <c r="AU77" s="218"/>
      <c r="AV77" s="218"/>
      <c r="AW77" s="218"/>
      <c r="AX77" s="218"/>
      <c r="AY77" s="218"/>
      <c r="AZ77" s="218"/>
      <c r="BA77" s="218"/>
      <c r="BB77" s="218"/>
      <c r="BC77" s="218"/>
      <c r="BD77" s="218"/>
      <c r="BE77" s="218"/>
      <c r="BF77" s="218"/>
      <c r="BG77" s="218"/>
      <c r="BH77" s="218"/>
      <c r="BI77" s="218"/>
      <c r="BJ77" s="218"/>
      <c r="BK77" s="218"/>
      <c r="BL77" s="218"/>
      <c r="BM77" s="218"/>
      <c r="BN77" s="218"/>
      <c r="BO77" s="218"/>
      <c r="BP77" s="218"/>
      <c r="BQ77" s="218"/>
      <c r="BR77" s="218"/>
      <c r="BS77" s="218"/>
      <c r="BT77" s="218"/>
      <c r="BU77" s="218"/>
      <c r="BV77" s="218"/>
      <c r="BW77" s="218"/>
      <c r="BX77" s="103"/>
      <c r="BY77" s="218"/>
      <c r="BZ77" s="218"/>
      <c r="CA77" s="218"/>
      <c r="CB77" s="218"/>
      <c r="CC77" s="218"/>
      <c r="CD77" s="218"/>
      <c r="CE77" s="371" t="str">
        <f t="shared" si="1"/>
        <v/>
      </c>
      <c r="CF77" s="371"/>
      <c r="CG77" s="371"/>
      <c r="CH77" s="371"/>
      <c r="CI77" s="371"/>
      <c r="CJ77" s="379"/>
      <c r="CK77" s="383"/>
      <c r="CL77" s="383"/>
      <c r="CM77" s="370"/>
      <c r="CN77" s="370"/>
      <c r="CO77" s="370"/>
      <c r="CP77" s="370"/>
      <c r="CQ77" s="370"/>
      <c r="CR77" s="370"/>
      <c r="CS77" s="370"/>
      <c r="CT77" s="262"/>
      <c r="CU77" s="262"/>
      <c r="CV77" s="262"/>
      <c r="CW77" s="262"/>
      <c r="CX77" s="371"/>
      <c r="CY77" s="371"/>
      <c r="CZ77" s="455"/>
    </row>
    <row r="78" spans="1:104" s="67" customFormat="1" ht="12">
      <c r="A78" s="72">
        <v>58</v>
      </c>
      <c r="B78" s="103"/>
      <c r="C78" s="807"/>
      <c r="D78" s="103"/>
      <c r="E78" s="103"/>
      <c r="F78" s="103"/>
      <c r="G78" s="103"/>
      <c r="H78" s="217"/>
      <c r="I78" s="217"/>
      <c r="J78" s="217"/>
      <c r="K78" s="353"/>
      <c r="L78" s="353"/>
      <c r="M78" s="401"/>
      <c r="N78" s="401"/>
      <c r="O78" s="789"/>
      <c r="P78" s="798"/>
      <c r="Q78" s="401"/>
      <c r="R78" s="401"/>
      <c r="S78" s="401"/>
      <c r="T78" s="401"/>
      <c r="U78" s="401"/>
      <c r="V78" s="401"/>
      <c r="W78" s="799"/>
      <c r="X78" s="792"/>
      <c r="Y78" s="505"/>
      <c r="Z78" s="505"/>
      <c r="AA78" s="505"/>
      <c r="AB78" s="505"/>
      <c r="AC78" s="218"/>
      <c r="AD78" s="218"/>
      <c r="AE78" s="218"/>
      <c r="AF78" s="218"/>
      <c r="AG78" s="218"/>
      <c r="AH78" s="218"/>
      <c r="AI78" s="218"/>
      <c r="AJ78" s="218"/>
      <c r="AK78" s="218"/>
      <c r="AL78" s="218"/>
      <c r="AM78" s="218"/>
      <c r="AN78" s="218"/>
      <c r="AO78" s="218"/>
      <c r="AP78" s="218"/>
      <c r="AQ78" s="218"/>
      <c r="AR78" s="218"/>
      <c r="AS78" s="218"/>
      <c r="AT78" s="218"/>
      <c r="AU78" s="218"/>
      <c r="AV78" s="218"/>
      <c r="AW78" s="218"/>
      <c r="AX78" s="218"/>
      <c r="AY78" s="218"/>
      <c r="AZ78" s="218"/>
      <c r="BA78" s="218"/>
      <c r="BB78" s="218"/>
      <c r="BC78" s="218"/>
      <c r="BD78" s="218"/>
      <c r="BE78" s="218"/>
      <c r="BF78" s="218"/>
      <c r="BG78" s="218"/>
      <c r="BH78" s="218"/>
      <c r="BI78" s="218"/>
      <c r="BJ78" s="218"/>
      <c r="BK78" s="218"/>
      <c r="BL78" s="218"/>
      <c r="BM78" s="218"/>
      <c r="BN78" s="218"/>
      <c r="BO78" s="218"/>
      <c r="BP78" s="218"/>
      <c r="BQ78" s="218"/>
      <c r="BR78" s="218"/>
      <c r="BS78" s="218"/>
      <c r="BT78" s="218"/>
      <c r="BU78" s="218"/>
      <c r="BV78" s="218"/>
      <c r="BW78" s="218"/>
      <c r="BX78" s="103"/>
      <c r="BY78" s="218"/>
      <c r="BZ78" s="218"/>
      <c r="CA78" s="218"/>
      <c r="CB78" s="218"/>
      <c r="CC78" s="218"/>
      <c r="CD78" s="218"/>
      <c r="CE78" s="371" t="str">
        <f t="shared" si="1"/>
        <v/>
      </c>
      <c r="CF78" s="371"/>
      <c r="CG78" s="371"/>
      <c r="CH78" s="371"/>
      <c r="CI78" s="371"/>
      <c r="CJ78" s="379"/>
      <c r="CK78" s="383"/>
      <c r="CL78" s="383"/>
      <c r="CM78" s="370"/>
      <c r="CN78" s="370"/>
      <c r="CO78" s="370"/>
      <c r="CP78" s="370"/>
      <c r="CQ78" s="370"/>
      <c r="CR78" s="370"/>
      <c r="CS78" s="370"/>
      <c r="CT78" s="262"/>
      <c r="CU78" s="262"/>
      <c r="CV78" s="262"/>
      <c r="CW78" s="262"/>
      <c r="CX78" s="371"/>
      <c r="CY78" s="371"/>
      <c r="CZ78" s="455"/>
    </row>
    <row r="79" spans="1:104" s="67" customFormat="1" ht="12">
      <c r="A79" s="72">
        <v>59</v>
      </c>
      <c r="B79" s="103"/>
      <c r="C79" s="807"/>
      <c r="D79" s="103"/>
      <c r="E79" s="103"/>
      <c r="F79" s="103"/>
      <c r="G79" s="103"/>
      <c r="H79" s="217"/>
      <c r="I79" s="217"/>
      <c r="J79" s="217"/>
      <c r="K79" s="353"/>
      <c r="L79" s="353"/>
      <c r="M79" s="401"/>
      <c r="N79" s="401"/>
      <c r="O79" s="789"/>
      <c r="P79" s="798"/>
      <c r="Q79" s="401"/>
      <c r="R79" s="401"/>
      <c r="S79" s="401"/>
      <c r="T79" s="401"/>
      <c r="U79" s="401"/>
      <c r="V79" s="401"/>
      <c r="W79" s="799"/>
      <c r="X79" s="792"/>
      <c r="Y79" s="505"/>
      <c r="Z79" s="505"/>
      <c r="AA79" s="505"/>
      <c r="AB79" s="505"/>
      <c r="AC79" s="218"/>
      <c r="AD79" s="218"/>
      <c r="AE79" s="218"/>
      <c r="AF79" s="218"/>
      <c r="AG79" s="218"/>
      <c r="AH79" s="218"/>
      <c r="AI79" s="218"/>
      <c r="AJ79" s="218"/>
      <c r="AK79" s="218"/>
      <c r="AL79" s="218"/>
      <c r="AM79" s="218"/>
      <c r="AN79" s="218"/>
      <c r="AO79" s="218"/>
      <c r="AP79" s="218"/>
      <c r="AQ79" s="218"/>
      <c r="AR79" s="218"/>
      <c r="AS79" s="218"/>
      <c r="AT79" s="218"/>
      <c r="AU79" s="218"/>
      <c r="AV79" s="218"/>
      <c r="AW79" s="218"/>
      <c r="AX79" s="218"/>
      <c r="AY79" s="218"/>
      <c r="AZ79" s="218"/>
      <c r="BA79" s="218"/>
      <c r="BB79" s="218"/>
      <c r="BC79" s="218"/>
      <c r="BD79" s="218"/>
      <c r="BE79" s="218"/>
      <c r="BF79" s="218"/>
      <c r="BG79" s="218"/>
      <c r="BH79" s="218"/>
      <c r="BI79" s="218"/>
      <c r="BJ79" s="218"/>
      <c r="BK79" s="218"/>
      <c r="BL79" s="218"/>
      <c r="BM79" s="218"/>
      <c r="BN79" s="218"/>
      <c r="BO79" s="218"/>
      <c r="BP79" s="218"/>
      <c r="BQ79" s="218"/>
      <c r="BR79" s="218"/>
      <c r="BS79" s="218"/>
      <c r="BT79" s="218"/>
      <c r="BU79" s="218"/>
      <c r="BV79" s="218"/>
      <c r="BW79" s="218"/>
      <c r="BX79" s="103"/>
      <c r="BY79" s="218"/>
      <c r="BZ79" s="218"/>
      <c r="CA79" s="218"/>
      <c r="CB79" s="218"/>
      <c r="CC79" s="218"/>
      <c r="CD79" s="218"/>
      <c r="CE79" s="371" t="str">
        <f t="shared" si="1"/>
        <v/>
      </c>
      <c r="CF79" s="371"/>
      <c r="CG79" s="371"/>
      <c r="CH79" s="371"/>
      <c r="CI79" s="371"/>
      <c r="CJ79" s="379"/>
      <c r="CK79" s="383"/>
      <c r="CL79" s="383"/>
      <c r="CM79" s="370"/>
      <c r="CN79" s="370"/>
      <c r="CO79" s="370"/>
      <c r="CP79" s="370"/>
      <c r="CQ79" s="370"/>
      <c r="CR79" s="370"/>
      <c r="CS79" s="370"/>
      <c r="CT79" s="262"/>
      <c r="CU79" s="262"/>
      <c r="CV79" s="262"/>
      <c r="CW79" s="262"/>
      <c r="CX79" s="371"/>
      <c r="CY79" s="371"/>
      <c r="CZ79" s="455"/>
    </row>
    <row r="80" spans="1:104" s="67" customFormat="1" ht="12">
      <c r="A80" s="72">
        <v>60</v>
      </c>
      <c r="B80" s="103"/>
      <c r="C80" s="807"/>
      <c r="D80" s="103"/>
      <c r="E80" s="103"/>
      <c r="F80" s="103"/>
      <c r="G80" s="103"/>
      <c r="H80" s="217"/>
      <c r="I80" s="217"/>
      <c r="J80" s="217"/>
      <c r="K80" s="353"/>
      <c r="L80" s="353"/>
      <c r="M80" s="401"/>
      <c r="N80" s="401"/>
      <c r="O80" s="789"/>
      <c r="P80" s="798"/>
      <c r="Q80" s="401"/>
      <c r="R80" s="401"/>
      <c r="S80" s="401"/>
      <c r="T80" s="401"/>
      <c r="U80" s="401"/>
      <c r="V80" s="401"/>
      <c r="W80" s="799"/>
      <c r="X80" s="792"/>
      <c r="Y80" s="505"/>
      <c r="Z80" s="505"/>
      <c r="AA80" s="505"/>
      <c r="AB80" s="505"/>
      <c r="AC80" s="218"/>
      <c r="AD80" s="218"/>
      <c r="AE80" s="218"/>
      <c r="AF80" s="218"/>
      <c r="AG80" s="218"/>
      <c r="AH80" s="218"/>
      <c r="AI80" s="218"/>
      <c r="AJ80" s="218"/>
      <c r="AK80" s="218"/>
      <c r="AL80" s="218"/>
      <c r="AM80" s="218"/>
      <c r="AN80" s="218"/>
      <c r="AO80" s="218"/>
      <c r="AP80" s="218"/>
      <c r="AQ80" s="218"/>
      <c r="AR80" s="218"/>
      <c r="AS80" s="218"/>
      <c r="AT80" s="218"/>
      <c r="AU80" s="218"/>
      <c r="AV80" s="218"/>
      <c r="AW80" s="218"/>
      <c r="AX80" s="218"/>
      <c r="AY80" s="218"/>
      <c r="AZ80" s="218"/>
      <c r="BA80" s="218"/>
      <c r="BB80" s="218"/>
      <c r="BC80" s="218"/>
      <c r="BD80" s="218"/>
      <c r="BE80" s="218"/>
      <c r="BF80" s="218"/>
      <c r="BG80" s="218"/>
      <c r="BH80" s="218"/>
      <c r="BI80" s="218"/>
      <c r="BJ80" s="218"/>
      <c r="BK80" s="218"/>
      <c r="BL80" s="218"/>
      <c r="BM80" s="218"/>
      <c r="BN80" s="218"/>
      <c r="BO80" s="218"/>
      <c r="BP80" s="218"/>
      <c r="BQ80" s="218"/>
      <c r="BR80" s="218"/>
      <c r="BS80" s="218"/>
      <c r="BT80" s="218"/>
      <c r="BU80" s="218"/>
      <c r="BV80" s="218"/>
      <c r="BW80" s="218"/>
      <c r="BX80" s="103"/>
      <c r="BY80" s="218"/>
      <c r="BZ80" s="218"/>
      <c r="CA80" s="218"/>
      <c r="CB80" s="218"/>
      <c r="CC80" s="218"/>
      <c r="CD80" s="218"/>
      <c r="CE80" s="371" t="str">
        <f t="shared" si="1"/>
        <v/>
      </c>
      <c r="CF80" s="371"/>
      <c r="CG80" s="371"/>
      <c r="CH80" s="371"/>
      <c r="CI80" s="371"/>
      <c r="CJ80" s="379"/>
      <c r="CK80" s="383"/>
      <c r="CL80" s="383"/>
      <c r="CM80" s="370"/>
      <c r="CN80" s="370"/>
      <c r="CO80" s="370"/>
      <c r="CP80" s="370"/>
      <c r="CQ80" s="370"/>
      <c r="CR80" s="370"/>
      <c r="CS80" s="370"/>
      <c r="CT80" s="262"/>
      <c r="CU80" s="262"/>
      <c r="CV80" s="262"/>
      <c r="CW80" s="262"/>
      <c r="CX80" s="371"/>
      <c r="CY80" s="371"/>
      <c r="CZ80" s="455"/>
    </row>
    <row r="81" spans="1:104" s="67" customFormat="1" ht="12">
      <c r="A81" s="72">
        <v>61</v>
      </c>
      <c r="B81" s="103"/>
      <c r="C81" s="807"/>
      <c r="D81" s="103"/>
      <c r="E81" s="103"/>
      <c r="F81" s="103"/>
      <c r="G81" s="103"/>
      <c r="H81" s="217"/>
      <c r="I81" s="217"/>
      <c r="J81" s="217"/>
      <c r="K81" s="353"/>
      <c r="L81" s="353"/>
      <c r="M81" s="401"/>
      <c r="N81" s="401"/>
      <c r="O81" s="789"/>
      <c r="P81" s="798"/>
      <c r="Q81" s="401"/>
      <c r="R81" s="401"/>
      <c r="S81" s="401"/>
      <c r="T81" s="401"/>
      <c r="U81" s="401"/>
      <c r="V81" s="401"/>
      <c r="W81" s="799"/>
      <c r="X81" s="792"/>
      <c r="Y81" s="505"/>
      <c r="Z81" s="505"/>
      <c r="AA81" s="505"/>
      <c r="AB81" s="505"/>
      <c r="AC81" s="218"/>
      <c r="AD81" s="218"/>
      <c r="AE81" s="218"/>
      <c r="AF81" s="218"/>
      <c r="AG81" s="218"/>
      <c r="AH81" s="218"/>
      <c r="AI81" s="218"/>
      <c r="AJ81" s="218"/>
      <c r="AK81" s="218"/>
      <c r="AL81" s="218"/>
      <c r="AM81" s="218"/>
      <c r="AN81" s="218"/>
      <c r="AO81" s="218"/>
      <c r="AP81" s="218"/>
      <c r="AQ81" s="218"/>
      <c r="AR81" s="218"/>
      <c r="AS81" s="218"/>
      <c r="AT81" s="218"/>
      <c r="AU81" s="218"/>
      <c r="AV81" s="218"/>
      <c r="AW81" s="218"/>
      <c r="AX81" s="218"/>
      <c r="AY81" s="218"/>
      <c r="AZ81" s="218"/>
      <c r="BA81" s="218"/>
      <c r="BB81" s="218"/>
      <c r="BC81" s="218"/>
      <c r="BD81" s="218"/>
      <c r="BE81" s="218"/>
      <c r="BF81" s="218"/>
      <c r="BG81" s="218"/>
      <c r="BH81" s="218"/>
      <c r="BI81" s="218"/>
      <c r="BJ81" s="218"/>
      <c r="BK81" s="218"/>
      <c r="BL81" s="218"/>
      <c r="BM81" s="218"/>
      <c r="BN81" s="218"/>
      <c r="BO81" s="218"/>
      <c r="BP81" s="218"/>
      <c r="BQ81" s="218"/>
      <c r="BR81" s="218"/>
      <c r="BS81" s="218"/>
      <c r="BT81" s="218"/>
      <c r="BU81" s="218"/>
      <c r="BV81" s="218"/>
      <c r="BW81" s="218"/>
      <c r="BX81" s="103"/>
      <c r="BY81" s="218"/>
      <c r="BZ81" s="218"/>
      <c r="CA81" s="218"/>
      <c r="CB81" s="218"/>
      <c r="CC81" s="218"/>
      <c r="CD81" s="218"/>
      <c r="CE81" s="371" t="str">
        <f t="shared" si="1"/>
        <v/>
      </c>
      <c r="CF81" s="371"/>
      <c r="CG81" s="371"/>
      <c r="CH81" s="371"/>
      <c r="CI81" s="371"/>
      <c r="CJ81" s="379"/>
      <c r="CK81" s="383"/>
      <c r="CL81" s="383"/>
      <c r="CM81" s="370"/>
      <c r="CN81" s="370"/>
      <c r="CO81" s="370"/>
      <c r="CP81" s="370"/>
      <c r="CQ81" s="370"/>
      <c r="CR81" s="370"/>
      <c r="CS81" s="370"/>
      <c r="CT81" s="262"/>
      <c r="CU81" s="262"/>
      <c r="CV81" s="262"/>
      <c r="CW81" s="262"/>
      <c r="CX81" s="371"/>
      <c r="CY81" s="371"/>
      <c r="CZ81" s="455"/>
    </row>
    <row r="82" spans="1:104" s="67" customFormat="1" ht="12">
      <c r="A82" s="72">
        <v>62</v>
      </c>
      <c r="B82" s="103"/>
      <c r="C82" s="807"/>
      <c r="D82" s="103"/>
      <c r="E82" s="103"/>
      <c r="F82" s="103"/>
      <c r="G82" s="103"/>
      <c r="H82" s="217"/>
      <c r="I82" s="217"/>
      <c r="J82" s="217"/>
      <c r="K82" s="353"/>
      <c r="L82" s="353"/>
      <c r="M82" s="401"/>
      <c r="N82" s="401"/>
      <c r="O82" s="789"/>
      <c r="P82" s="798"/>
      <c r="Q82" s="401"/>
      <c r="R82" s="401"/>
      <c r="S82" s="401"/>
      <c r="T82" s="401"/>
      <c r="U82" s="401"/>
      <c r="V82" s="401"/>
      <c r="W82" s="799"/>
      <c r="X82" s="792"/>
      <c r="Y82" s="505"/>
      <c r="Z82" s="505"/>
      <c r="AA82" s="505"/>
      <c r="AB82" s="505"/>
      <c r="AC82" s="218"/>
      <c r="AD82" s="218"/>
      <c r="AE82" s="218"/>
      <c r="AF82" s="218"/>
      <c r="AG82" s="218"/>
      <c r="AH82" s="218"/>
      <c r="AI82" s="218"/>
      <c r="AJ82" s="218"/>
      <c r="AK82" s="218"/>
      <c r="AL82" s="218"/>
      <c r="AM82" s="218"/>
      <c r="AN82" s="218"/>
      <c r="AO82" s="218"/>
      <c r="AP82" s="218"/>
      <c r="AQ82" s="218"/>
      <c r="AR82" s="218"/>
      <c r="AS82" s="218"/>
      <c r="AT82" s="218"/>
      <c r="AU82" s="218"/>
      <c r="AV82" s="218"/>
      <c r="AW82" s="218"/>
      <c r="AX82" s="218"/>
      <c r="AY82" s="218"/>
      <c r="AZ82" s="218"/>
      <c r="BA82" s="218"/>
      <c r="BB82" s="218"/>
      <c r="BC82" s="218"/>
      <c r="BD82" s="218"/>
      <c r="BE82" s="218"/>
      <c r="BF82" s="218"/>
      <c r="BG82" s="218"/>
      <c r="BH82" s="218"/>
      <c r="BI82" s="218"/>
      <c r="BJ82" s="218"/>
      <c r="BK82" s="218"/>
      <c r="BL82" s="218"/>
      <c r="BM82" s="218"/>
      <c r="BN82" s="218"/>
      <c r="BO82" s="218"/>
      <c r="BP82" s="218"/>
      <c r="BQ82" s="218"/>
      <c r="BR82" s="218"/>
      <c r="BS82" s="218"/>
      <c r="BT82" s="218"/>
      <c r="BU82" s="218"/>
      <c r="BV82" s="218"/>
      <c r="BW82" s="218"/>
      <c r="BX82" s="103"/>
      <c r="BY82" s="218"/>
      <c r="BZ82" s="218"/>
      <c r="CA82" s="218"/>
      <c r="CB82" s="218"/>
      <c r="CC82" s="218"/>
      <c r="CD82" s="218"/>
      <c r="CE82" s="371" t="str">
        <f t="shared" si="1"/>
        <v/>
      </c>
      <c r="CF82" s="371"/>
      <c r="CG82" s="371"/>
      <c r="CH82" s="371"/>
      <c r="CI82" s="371"/>
      <c r="CJ82" s="379"/>
      <c r="CK82" s="383"/>
      <c r="CL82" s="383"/>
      <c r="CM82" s="370"/>
      <c r="CN82" s="370"/>
      <c r="CO82" s="370"/>
      <c r="CP82" s="370"/>
      <c r="CQ82" s="370"/>
      <c r="CR82" s="370"/>
      <c r="CS82" s="370"/>
      <c r="CT82" s="262"/>
      <c r="CU82" s="262"/>
      <c r="CV82" s="262"/>
      <c r="CW82" s="262"/>
      <c r="CX82" s="371"/>
      <c r="CY82" s="371"/>
      <c r="CZ82" s="455"/>
    </row>
    <row r="83" spans="1:104" s="67" customFormat="1" ht="12">
      <c r="A83" s="72">
        <v>63</v>
      </c>
      <c r="B83" s="103"/>
      <c r="C83" s="807"/>
      <c r="D83" s="103"/>
      <c r="E83" s="103"/>
      <c r="F83" s="103"/>
      <c r="G83" s="103"/>
      <c r="H83" s="217"/>
      <c r="I83" s="217"/>
      <c r="J83" s="217"/>
      <c r="K83" s="353"/>
      <c r="L83" s="353"/>
      <c r="M83" s="401"/>
      <c r="N83" s="401"/>
      <c r="O83" s="789"/>
      <c r="P83" s="798"/>
      <c r="Q83" s="401"/>
      <c r="R83" s="401"/>
      <c r="S83" s="401"/>
      <c r="T83" s="401"/>
      <c r="U83" s="401"/>
      <c r="V83" s="401"/>
      <c r="W83" s="799"/>
      <c r="X83" s="792"/>
      <c r="Y83" s="505"/>
      <c r="Z83" s="505"/>
      <c r="AA83" s="505"/>
      <c r="AB83" s="505"/>
      <c r="AC83" s="218"/>
      <c r="AD83" s="218"/>
      <c r="AE83" s="218"/>
      <c r="AF83" s="218"/>
      <c r="AG83" s="218"/>
      <c r="AH83" s="218"/>
      <c r="AI83" s="218"/>
      <c r="AJ83" s="218"/>
      <c r="AK83" s="218"/>
      <c r="AL83" s="218"/>
      <c r="AM83" s="218"/>
      <c r="AN83" s="218"/>
      <c r="AO83" s="218"/>
      <c r="AP83" s="218"/>
      <c r="AQ83" s="218"/>
      <c r="AR83" s="218"/>
      <c r="AS83" s="218"/>
      <c r="AT83" s="218"/>
      <c r="AU83" s="218"/>
      <c r="AV83" s="218"/>
      <c r="AW83" s="218"/>
      <c r="AX83" s="218"/>
      <c r="AY83" s="218"/>
      <c r="AZ83" s="218"/>
      <c r="BA83" s="218"/>
      <c r="BB83" s="218"/>
      <c r="BC83" s="218"/>
      <c r="BD83" s="218"/>
      <c r="BE83" s="218"/>
      <c r="BF83" s="218"/>
      <c r="BG83" s="218"/>
      <c r="BH83" s="218"/>
      <c r="BI83" s="218"/>
      <c r="BJ83" s="218"/>
      <c r="BK83" s="218"/>
      <c r="BL83" s="218"/>
      <c r="BM83" s="218"/>
      <c r="BN83" s="218"/>
      <c r="BO83" s="218"/>
      <c r="BP83" s="218"/>
      <c r="BQ83" s="218"/>
      <c r="BR83" s="218"/>
      <c r="BS83" s="218"/>
      <c r="BT83" s="218"/>
      <c r="BU83" s="218"/>
      <c r="BV83" s="218"/>
      <c r="BW83" s="218"/>
      <c r="BX83" s="103"/>
      <c r="BY83" s="218"/>
      <c r="BZ83" s="218"/>
      <c r="CA83" s="218"/>
      <c r="CB83" s="218"/>
      <c r="CC83" s="218"/>
      <c r="CD83" s="218"/>
      <c r="CE83" s="371" t="str">
        <f t="shared" si="1"/>
        <v/>
      </c>
      <c r="CF83" s="371"/>
      <c r="CG83" s="371"/>
      <c r="CH83" s="371"/>
      <c r="CI83" s="371"/>
      <c r="CJ83" s="379"/>
      <c r="CK83" s="383"/>
      <c r="CL83" s="383"/>
      <c r="CM83" s="370"/>
      <c r="CN83" s="370"/>
      <c r="CO83" s="370"/>
      <c r="CP83" s="370"/>
      <c r="CQ83" s="370"/>
      <c r="CR83" s="370"/>
      <c r="CS83" s="370"/>
      <c r="CT83" s="262"/>
      <c r="CU83" s="262"/>
      <c r="CV83" s="262"/>
      <c r="CW83" s="262"/>
      <c r="CX83" s="371"/>
      <c r="CY83" s="371"/>
      <c r="CZ83" s="455"/>
    </row>
    <row r="84" spans="1:104" s="67" customFormat="1" ht="12">
      <c r="A84" s="72">
        <v>64</v>
      </c>
      <c r="B84" s="103"/>
      <c r="C84" s="807"/>
      <c r="D84" s="103"/>
      <c r="E84" s="103"/>
      <c r="F84" s="103"/>
      <c r="G84" s="103"/>
      <c r="H84" s="217"/>
      <c r="I84" s="217"/>
      <c r="J84" s="217"/>
      <c r="K84" s="353"/>
      <c r="L84" s="353"/>
      <c r="M84" s="401"/>
      <c r="N84" s="401"/>
      <c r="O84" s="789"/>
      <c r="P84" s="798"/>
      <c r="Q84" s="401"/>
      <c r="R84" s="401"/>
      <c r="S84" s="401"/>
      <c r="T84" s="401"/>
      <c r="U84" s="401"/>
      <c r="V84" s="401"/>
      <c r="W84" s="799"/>
      <c r="X84" s="792"/>
      <c r="Y84" s="505"/>
      <c r="Z84" s="505"/>
      <c r="AA84" s="505"/>
      <c r="AB84" s="505"/>
      <c r="AC84" s="218"/>
      <c r="AD84" s="218"/>
      <c r="AE84" s="218"/>
      <c r="AF84" s="218"/>
      <c r="AG84" s="218"/>
      <c r="AH84" s="218"/>
      <c r="AI84" s="218"/>
      <c r="AJ84" s="218"/>
      <c r="AK84" s="218"/>
      <c r="AL84" s="218"/>
      <c r="AM84" s="218"/>
      <c r="AN84" s="218"/>
      <c r="AO84" s="218"/>
      <c r="AP84" s="218"/>
      <c r="AQ84" s="218"/>
      <c r="AR84" s="218"/>
      <c r="AS84" s="218"/>
      <c r="AT84" s="218"/>
      <c r="AU84" s="218"/>
      <c r="AV84" s="218"/>
      <c r="AW84" s="218"/>
      <c r="AX84" s="218"/>
      <c r="AY84" s="218"/>
      <c r="AZ84" s="218"/>
      <c r="BA84" s="218"/>
      <c r="BB84" s="218"/>
      <c r="BC84" s="218"/>
      <c r="BD84" s="218"/>
      <c r="BE84" s="218"/>
      <c r="BF84" s="218"/>
      <c r="BG84" s="218"/>
      <c r="BH84" s="218"/>
      <c r="BI84" s="218"/>
      <c r="BJ84" s="218"/>
      <c r="BK84" s="218"/>
      <c r="BL84" s="218"/>
      <c r="BM84" s="218"/>
      <c r="BN84" s="218"/>
      <c r="BO84" s="218"/>
      <c r="BP84" s="218"/>
      <c r="BQ84" s="218"/>
      <c r="BR84" s="218"/>
      <c r="BS84" s="218"/>
      <c r="BT84" s="218"/>
      <c r="BU84" s="218"/>
      <c r="BV84" s="218"/>
      <c r="BW84" s="218"/>
      <c r="BX84" s="103"/>
      <c r="BY84" s="218"/>
      <c r="BZ84" s="218"/>
      <c r="CA84" s="218"/>
      <c r="CB84" s="218"/>
      <c r="CC84" s="218"/>
      <c r="CD84" s="218"/>
      <c r="CE84" s="371" t="str">
        <f t="shared" si="1"/>
        <v/>
      </c>
      <c r="CF84" s="371"/>
      <c r="CG84" s="371"/>
      <c r="CH84" s="371"/>
      <c r="CI84" s="371"/>
      <c r="CJ84" s="379"/>
      <c r="CK84" s="383"/>
      <c r="CL84" s="383"/>
      <c r="CM84" s="370"/>
      <c r="CN84" s="370"/>
      <c r="CO84" s="370"/>
      <c r="CP84" s="370"/>
      <c r="CQ84" s="370"/>
      <c r="CR84" s="370"/>
      <c r="CS84" s="370"/>
      <c r="CT84" s="262"/>
      <c r="CU84" s="262"/>
      <c r="CV84" s="262"/>
      <c r="CW84" s="262"/>
      <c r="CX84" s="371"/>
      <c r="CY84" s="371"/>
      <c r="CZ84" s="455"/>
    </row>
    <row r="85" spans="1:104" s="67" customFormat="1" ht="12">
      <c r="A85" s="72">
        <v>65</v>
      </c>
      <c r="B85" s="103"/>
      <c r="C85" s="807"/>
      <c r="D85" s="103"/>
      <c r="E85" s="103"/>
      <c r="F85" s="103"/>
      <c r="G85" s="103"/>
      <c r="H85" s="217"/>
      <c r="I85" s="217"/>
      <c r="J85" s="217"/>
      <c r="K85" s="353"/>
      <c r="L85" s="353"/>
      <c r="M85" s="401"/>
      <c r="N85" s="401"/>
      <c r="O85" s="789"/>
      <c r="P85" s="798"/>
      <c r="Q85" s="401"/>
      <c r="R85" s="401"/>
      <c r="S85" s="401"/>
      <c r="T85" s="401"/>
      <c r="U85" s="401"/>
      <c r="V85" s="401"/>
      <c r="W85" s="799"/>
      <c r="X85" s="792"/>
      <c r="Y85" s="505"/>
      <c r="Z85" s="505"/>
      <c r="AA85" s="505"/>
      <c r="AB85" s="505"/>
      <c r="AC85" s="218"/>
      <c r="AD85" s="218"/>
      <c r="AE85" s="218"/>
      <c r="AF85" s="218"/>
      <c r="AG85" s="218"/>
      <c r="AH85" s="218"/>
      <c r="AI85" s="218"/>
      <c r="AJ85" s="218"/>
      <c r="AK85" s="218"/>
      <c r="AL85" s="218"/>
      <c r="AM85" s="218"/>
      <c r="AN85" s="218"/>
      <c r="AO85" s="218"/>
      <c r="AP85" s="218"/>
      <c r="AQ85" s="218"/>
      <c r="AR85" s="218"/>
      <c r="AS85" s="218"/>
      <c r="AT85" s="218"/>
      <c r="AU85" s="218"/>
      <c r="AV85" s="218"/>
      <c r="AW85" s="218"/>
      <c r="AX85" s="218"/>
      <c r="AY85" s="218"/>
      <c r="AZ85" s="218"/>
      <c r="BA85" s="218"/>
      <c r="BB85" s="218"/>
      <c r="BC85" s="218"/>
      <c r="BD85" s="218"/>
      <c r="BE85" s="218"/>
      <c r="BF85" s="218"/>
      <c r="BG85" s="218"/>
      <c r="BH85" s="218"/>
      <c r="BI85" s="218"/>
      <c r="BJ85" s="218"/>
      <c r="BK85" s="218"/>
      <c r="BL85" s="218"/>
      <c r="BM85" s="218"/>
      <c r="BN85" s="218"/>
      <c r="BO85" s="218"/>
      <c r="BP85" s="218"/>
      <c r="BQ85" s="218"/>
      <c r="BR85" s="218"/>
      <c r="BS85" s="218"/>
      <c r="BT85" s="218"/>
      <c r="BU85" s="218"/>
      <c r="BV85" s="218"/>
      <c r="BW85" s="218"/>
      <c r="BX85" s="103"/>
      <c r="BY85" s="218"/>
      <c r="BZ85" s="218"/>
      <c r="CA85" s="218"/>
      <c r="CB85" s="218"/>
      <c r="CC85" s="218"/>
      <c r="CD85" s="218"/>
      <c r="CE85" s="371" t="str">
        <f t="shared" ref="CE85:CE100" si="2">IF( COUNTIF(AC85:BW85,"◎")=1,INDEX(AC$15:BW$15,1,MATCH("◎",AC85:BW85,0)),"" )</f>
        <v/>
      </c>
      <c r="CF85" s="371"/>
      <c r="CG85" s="371"/>
      <c r="CH85" s="371"/>
      <c r="CI85" s="371"/>
      <c r="CJ85" s="379"/>
      <c r="CK85" s="383"/>
      <c r="CL85" s="383"/>
      <c r="CM85" s="370"/>
      <c r="CN85" s="370"/>
      <c r="CO85" s="370"/>
      <c r="CP85" s="370"/>
      <c r="CQ85" s="370"/>
      <c r="CR85" s="370"/>
      <c r="CS85" s="370"/>
      <c r="CT85" s="262"/>
      <c r="CU85" s="262"/>
      <c r="CV85" s="262"/>
      <c r="CW85" s="262"/>
      <c r="CX85" s="371"/>
      <c r="CY85" s="371"/>
      <c r="CZ85" s="455"/>
    </row>
    <row r="86" spans="1:104" s="67" customFormat="1" ht="12">
      <c r="A86" s="72">
        <v>66</v>
      </c>
      <c r="B86" s="103"/>
      <c r="C86" s="807"/>
      <c r="D86" s="103"/>
      <c r="E86" s="103"/>
      <c r="F86" s="103"/>
      <c r="G86" s="103"/>
      <c r="H86" s="217"/>
      <c r="I86" s="217"/>
      <c r="J86" s="217"/>
      <c r="K86" s="353"/>
      <c r="L86" s="353"/>
      <c r="M86" s="401"/>
      <c r="N86" s="401"/>
      <c r="O86" s="789"/>
      <c r="P86" s="798"/>
      <c r="Q86" s="401"/>
      <c r="R86" s="401"/>
      <c r="S86" s="401"/>
      <c r="T86" s="401"/>
      <c r="U86" s="401"/>
      <c r="V86" s="401"/>
      <c r="W86" s="799"/>
      <c r="X86" s="792"/>
      <c r="Y86" s="505"/>
      <c r="Z86" s="505"/>
      <c r="AA86" s="505"/>
      <c r="AB86" s="505"/>
      <c r="AC86" s="218"/>
      <c r="AD86" s="218"/>
      <c r="AE86" s="218"/>
      <c r="AF86" s="218"/>
      <c r="AG86" s="218"/>
      <c r="AH86" s="218"/>
      <c r="AI86" s="218"/>
      <c r="AJ86" s="218"/>
      <c r="AK86" s="218"/>
      <c r="AL86" s="218"/>
      <c r="AM86" s="218"/>
      <c r="AN86" s="218"/>
      <c r="AO86" s="218"/>
      <c r="AP86" s="218"/>
      <c r="AQ86" s="218"/>
      <c r="AR86" s="218"/>
      <c r="AS86" s="218"/>
      <c r="AT86" s="218"/>
      <c r="AU86" s="218"/>
      <c r="AV86" s="218"/>
      <c r="AW86" s="218"/>
      <c r="AX86" s="218"/>
      <c r="AY86" s="218"/>
      <c r="AZ86" s="218"/>
      <c r="BA86" s="218"/>
      <c r="BB86" s="218"/>
      <c r="BC86" s="218"/>
      <c r="BD86" s="218"/>
      <c r="BE86" s="218"/>
      <c r="BF86" s="218"/>
      <c r="BG86" s="218"/>
      <c r="BH86" s="218"/>
      <c r="BI86" s="218"/>
      <c r="BJ86" s="218"/>
      <c r="BK86" s="218"/>
      <c r="BL86" s="218"/>
      <c r="BM86" s="218"/>
      <c r="BN86" s="218"/>
      <c r="BO86" s="218"/>
      <c r="BP86" s="218"/>
      <c r="BQ86" s="218"/>
      <c r="BR86" s="218"/>
      <c r="BS86" s="218"/>
      <c r="BT86" s="218"/>
      <c r="BU86" s="218"/>
      <c r="BV86" s="218"/>
      <c r="BW86" s="218"/>
      <c r="BX86" s="103"/>
      <c r="BY86" s="218"/>
      <c r="BZ86" s="218"/>
      <c r="CA86" s="218"/>
      <c r="CB86" s="218"/>
      <c r="CC86" s="218"/>
      <c r="CD86" s="218"/>
      <c r="CE86" s="371" t="str">
        <f t="shared" si="2"/>
        <v/>
      </c>
      <c r="CF86" s="371"/>
      <c r="CG86" s="371"/>
      <c r="CH86" s="371"/>
      <c r="CI86" s="371"/>
      <c r="CJ86" s="379"/>
      <c r="CK86" s="383"/>
      <c r="CL86" s="383"/>
      <c r="CM86" s="370"/>
      <c r="CN86" s="370"/>
      <c r="CO86" s="370"/>
      <c r="CP86" s="370"/>
      <c r="CQ86" s="370"/>
      <c r="CR86" s="370"/>
      <c r="CS86" s="370"/>
      <c r="CT86" s="262"/>
      <c r="CU86" s="262"/>
      <c r="CV86" s="262"/>
      <c r="CW86" s="262"/>
      <c r="CX86" s="371"/>
      <c r="CY86" s="371"/>
      <c r="CZ86" s="455"/>
    </row>
    <row r="87" spans="1:104" s="67" customFormat="1" ht="12">
      <c r="A87" s="72">
        <v>67</v>
      </c>
      <c r="B87" s="103"/>
      <c r="C87" s="807"/>
      <c r="D87" s="103"/>
      <c r="E87" s="103"/>
      <c r="F87" s="103"/>
      <c r="G87" s="103"/>
      <c r="H87" s="217"/>
      <c r="I87" s="217"/>
      <c r="J87" s="217"/>
      <c r="K87" s="353"/>
      <c r="L87" s="353"/>
      <c r="M87" s="401"/>
      <c r="N87" s="401"/>
      <c r="O87" s="789"/>
      <c r="P87" s="798"/>
      <c r="Q87" s="401"/>
      <c r="R87" s="401"/>
      <c r="S87" s="401"/>
      <c r="T87" s="401"/>
      <c r="U87" s="401"/>
      <c r="V87" s="401"/>
      <c r="W87" s="799"/>
      <c r="X87" s="792"/>
      <c r="Y87" s="505"/>
      <c r="Z87" s="505"/>
      <c r="AA87" s="505"/>
      <c r="AB87" s="505"/>
      <c r="AC87" s="218"/>
      <c r="AD87" s="218"/>
      <c r="AE87" s="218"/>
      <c r="AF87" s="218"/>
      <c r="AG87" s="218"/>
      <c r="AH87" s="218"/>
      <c r="AI87" s="218"/>
      <c r="AJ87" s="218"/>
      <c r="AK87" s="218"/>
      <c r="AL87" s="218"/>
      <c r="AM87" s="218"/>
      <c r="AN87" s="218"/>
      <c r="AO87" s="218"/>
      <c r="AP87" s="218"/>
      <c r="AQ87" s="218"/>
      <c r="AR87" s="218"/>
      <c r="AS87" s="218"/>
      <c r="AT87" s="218"/>
      <c r="AU87" s="218"/>
      <c r="AV87" s="218"/>
      <c r="AW87" s="218"/>
      <c r="AX87" s="218"/>
      <c r="AY87" s="218"/>
      <c r="AZ87" s="218"/>
      <c r="BA87" s="218"/>
      <c r="BB87" s="218"/>
      <c r="BC87" s="218"/>
      <c r="BD87" s="218"/>
      <c r="BE87" s="218"/>
      <c r="BF87" s="218"/>
      <c r="BG87" s="218"/>
      <c r="BH87" s="218"/>
      <c r="BI87" s="218"/>
      <c r="BJ87" s="218"/>
      <c r="BK87" s="218"/>
      <c r="BL87" s="218"/>
      <c r="BM87" s="218"/>
      <c r="BN87" s="218"/>
      <c r="BO87" s="218"/>
      <c r="BP87" s="218"/>
      <c r="BQ87" s="218"/>
      <c r="BR87" s="218"/>
      <c r="BS87" s="218"/>
      <c r="BT87" s="218"/>
      <c r="BU87" s="218"/>
      <c r="BV87" s="218"/>
      <c r="BW87" s="218"/>
      <c r="BX87" s="103"/>
      <c r="BY87" s="218"/>
      <c r="BZ87" s="218"/>
      <c r="CA87" s="218"/>
      <c r="CB87" s="218"/>
      <c r="CC87" s="218"/>
      <c r="CD87" s="218"/>
      <c r="CE87" s="371" t="str">
        <f t="shared" si="2"/>
        <v/>
      </c>
      <c r="CF87" s="371"/>
      <c r="CG87" s="371"/>
      <c r="CH87" s="371"/>
      <c r="CI87" s="371"/>
      <c r="CJ87" s="379"/>
      <c r="CK87" s="383"/>
      <c r="CL87" s="383"/>
      <c r="CM87" s="370"/>
      <c r="CN87" s="370"/>
      <c r="CO87" s="370"/>
      <c r="CP87" s="370"/>
      <c r="CQ87" s="370"/>
      <c r="CR87" s="370"/>
      <c r="CS87" s="370"/>
      <c r="CT87" s="262"/>
      <c r="CU87" s="262"/>
      <c r="CV87" s="262"/>
      <c r="CW87" s="262"/>
      <c r="CX87" s="371"/>
      <c r="CY87" s="371"/>
      <c r="CZ87" s="455"/>
    </row>
    <row r="88" spans="1:104" s="67" customFormat="1" ht="12">
      <c r="A88" s="72">
        <v>68</v>
      </c>
      <c r="B88" s="103"/>
      <c r="C88" s="807"/>
      <c r="D88" s="103"/>
      <c r="E88" s="103"/>
      <c r="F88" s="103"/>
      <c r="G88" s="103"/>
      <c r="H88" s="217"/>
      <c r="I88" s="217"/>
      <c r="J88" s="217"/>
      <c r="K88" s="353"/>
      <c r="L88" s="353"/>
      <c r="M88" s="401"/>
      <c r="N88" s="401"/>
      <c r="O88" s="789"/>
      <c r="P88" s="798"/>
      <c r="Q88" s="401"/>
      <c r="R88" s="401"/>
      <c r="S88" s="401"/>
      <c r="T88" s="401"/>
      <c r="U88" s="401"/>
      <c r="V88" s="401"/>
      <c r="W88" s="799"/>
      <c r="X88" s="792"/>
      <c r="Y88" s="505"/>
      <c r="Z88" s="505"/>
      <c r="AA88" s="505"/>
      <c r="AB88" s="505"/>
      <c r="AC88" s="218"/>
      <c r="AD88" s="218"/>
      <c r="AE88" s="218"/>
      <c r="AF88" s="218"/>
      <c r="AG88" s="218"/>
      <c r="AH88" s="218"/>
      <c r="AI88" s="218"/>
      <c r="AJ88" s="218"/>
      <c r="AK88" s="218"/>
      <c r="AL88" s="218"/>
      <c r="AM88" s="218"/>
      <c r="AN88" s="218"/>
      <c r="AO88" s="218"/>
      <c r="AP88" s="218"/>
      <c r="AQ88" s="218"/>
      <c r="AR88" s="218"/>
      <c r="AS88" s="218"/>
      <c r="AT88" s="218"/>
      <c r="AU88" s="218"/>
      <c r="AV88" s="218"/>
      <c r="AW88" s="218"/>
      <c r="AX88" s="218"/>
      <c r="AY88" s="218"/>
      <c r="AZ88" s="218"/>
      <c r="BA88" s="218"/>
      <c r="BB88" s="218"/>
      <c r="BC88" s="218"/>
      <c r="BD88" s="218"/>
      <c r="BE88" s="218"/>
      <c r="BF88" s="218"/>
      <c r="BG88" s="218"/>
      <c r="BH88" s="218"/>
      <c r="BI88" s="218"/>
      <c r="BJ88" s="218"/>
      <c r="BK88" s="218"/>
      <c r="BL88" s="218"/>
      <c r="BM88" s="218"/>
      <c r="BN88" s="218"/>
      <c r="BO88" s="218"/>
      <c r="BP88" s="218"/>
      <c r="BQ88" s="218"/>
      <c r="BR88" s="218"/>
      <c r="BS88" s="218"/>
      <c r="BT88" s="218"/>
      <c r="BU88" s="218"/>
      <c r="BV88" s="218"/>
      <c r="BW88" s="218"/>
      <c r="BX88" s="103"/>
      <c r="BY88" s="218"/>
      <c r="BZ88" s="218"/>
      <c r="CA88" s="218"/>
      <c r="CB88" s="218"/>
      <c r="CC88" s="218"/>
      <c r="CD88" s="218"/>
      <c r="CE88" s="371" t="str">
        <f t="shared" si="2"/>
        <v/>
      </c>
      <c r="CF88" s="371"/>
      <c r="CG88" s="371"/>
      <c r="CH88" s="371"/>
      <c r="CI88" s="371"/>
      <c r="CJ88" s="379"/>
      <c r="CK88" s="383"/>
      <c r="CL88" s="383"/>
      <c r="CM88" s="370"/>
      <c r="CN88" s="370"/>
      <c r="CO88" s="370"/>
      <c r="CP88" s="370"/>
      <c r="CQ88" s="370"/>
      <c r="CR88" s="370"/>
      <c r="CS88" s="370"/>
      <c r="CT88" s="262"/>
      <c r="CU88" s="262"/>
      <c r="CV88" s="262"/>
      <c r="CW88" s="262"/>
      <c r="CX88" s="371"/>
      <c r="CY88" s="371"/>
      <c r="CZ88" s="455"/>
    </row>
    <row r="89" spans="1:104" s="67" customFormat="1" ht="12">
      <c r="A89" s="72">
        <v>69</v>
      </c>
      <c r="B89" s="103"/>
      <c r="C89" s="807"/>
      <c r="D89" s="103"/>
      <c r="E89" s="103"/>
      <c r="F89" s="103"/>
      <c r="G89" s="103"/>
      <c r="H89" s="217"/>
      <c r="I89" s="217"/>
      <c r="J89" s="217"/>
      <c r="K89" s="353"/>
      <c r="L89" s="353"/>
      <c r="M89" s="401"/>
      <c r="N89" s="401"/>
      <c r="O89" s="789"/>
      <c r="P89" s="798"/>
      <c r="Q89" s="401"/>
      <c r="R89" s="401"/>
      <c r="S89" s="401"/>
      <c r="T89" s="401"/>
      <c r="U89" s="401"/>
      <c r="V89" s="401"/>
      <c r="W89" s="799"/>
      <c r="X89" s="792"/>
      <c r="Y89" s="505"/>
      <c r="Z89" s="505"/>
      <c r="AA89" s="505"/>
      <c r="AB89" s="505"/>
      <c r="AC89" s="218"/>
      <c r="AD89" s="218"/>
      <c r="AE89" s="218"/>
      <c r="AF89" s="218"/>
      <c r="AG89" s="218"/>
      <c r="AH89" s="218"/>
      <c r="AI89" s="218"/>
      <c r="AJ89" s="218"/>
      <c r="AK89" s="218"/>
      <c r="AL89" s="218"/>
      <c r="AM89" s="218"/>
      <c r="AN89" s="218"/>
      <c r="AO89" s="218"/>
      <c r="AP89" s="218"/>
      <c r="AQ89" s="218"/>
      <c r="AR89" s="218"/>
      <c r="AS89" s="218"/>
      <c r="AT89" s="218"/>
      <c r="AU89" s="218"/>
      <c r="AV89" s="218"/>
      <c r="AW89" s="218"/>
      <c r="AX89" s="218"/>
      <c r="AY89" s="218"/>
      <c r="AZ89" s="218"/>
      <c r="BA89" s="218"/>
      <c r="BB89" s="218"/>
      <c r="BC89" s="218"/>
      <c r="BD89" s="218"/>
      <c r="BE89" s="218"/>
      <c r="BF89" s="218"/>
      <c r="BG89" s="218"/>
      <c r="BH89" s="218"/>
      <c r="BI89" s="218"/>
      <c r="BJ89" s="218"/>
      <c r="BK89" s="218"/>
      <c r="BL89" s="218"/>
      <c r="BM89" s="218"/>
      <c r="BN89" s="218"/>
      <c r="BO89" s="218"/>
      <c r="BP89" s="218"/>
      <c r="BQ89" s="218"/>
      <c r="BR89" s="218"/>
      <c r="BS89" s="218"/>
      <c r="BT89" s="218"/>
      <c r="BU89" s="218"/>
      <c r="BV89" s="218"/>
      <c r="BW89" s="218"/>
      <c r="BX89" s="103"/>
      <c r="BY89" s="218"/>
      <c r="BZ89" s="218"/>
      <c r="CA89" s="218"/>
      <c r="CB89" s="218"/>
      <c r="CC89" s="218"/>
      <c r="CD89" s="218"/>
      <c r="CE89" s="371" t="str">
        <f t="shared" si="2"/>
        <v/>
      </c>
      <c r="CF89" s="371"/>
      <c r="CG89" s="371"/>
      <c r="CH89" s="371"/>
      <c r="CI89" s="371"/>
      <c r="CJ89" s="379"/>
      <c r="CK89" s="383"/>
      <c r="CL89" s="383"/>
      <c r="CM89" s="370"/>
      <c r="CN89" s="370"/>
      <c r="CO89" s="370"/>
      <c r="CP89" s="370"/>
      <c r="CQ89" s="370"/>
      <c r="CR89" s="370"/>
      <c r="CS89" s="370"/>
      <c r="CT89" s="262"/>
      <c r="CU89" s="262"/>
      <c r="CV89" s="262"/>
      <c r="CW89" s="262"/>
      <c r="CX89" s="371"/>
      <c r="CY89" s="371"/>
      <c r="CZ89" s="455"/>
    </row>
    <row r="90" spans="1:104" s="67" customFormat="1" ht="12">
      <c r="A90" s="72">
        <v>70</v>
      </c>
      <c r="B90" s="103"/>
      <c r="C90" s="807"/>
      <c r="D90" s="103"/>
      <c r="E90" s="103"/>
      <c r="F90" s="103"/>
      <c r="G90" s="103"/>
      <c r="H90" s="217"/>
      <c r="I90" s="217"/>
      <c r="J90" s="217"/>
      <c r="K90" s="353"/>
      <c r="L90" s="353"/>
      <c r="M90" s="401"/>
      <c r="N90" s="401"/>
      <c r="O90" s="789"/>
      <c r="P90" s="798"/>
      <c r="Q90" s="401"/>
      <c r="R90" s="401"/>
      <c r="S90" s="401"/>
      <c r="T90" s="401"/>
      <c r="U90" s="401"/>
      <c r="V90" s="401"/>
      <c r="W90" s="799"/>
      <c r="X90" s="792"/>
      <c r="Y90" s="505"/>
      <c r="Z90" s="505"/>
      <c r="AA90" s="505"/>
      <c r="AB90" s="505"/>
      <c r="AC90" s="218"/>
      <c r="AD90" s="218"/>
      <c r="AE90" s="218"/>
      <c r="AF90" s="218"/>
      <c r="AG90" s="218"/>
      <c r="AH90" s="218"/>
      <c r="AI90" s="218"/>
      <c r="AJ90" s="218"/>
      <c r="AK90" s="218"/>
      <c r="AL90" s="218"/>
      <c r="AM90" s="218"/>
      <c r="AN90" s="218"/>
      <c r="AO90" s="218"/>
      <c r="AP90" s="218"/>
      <c r="AQ90" s="218"/>
      <c r="AR90" s="218"/>
      <c r="AS90" s="218"/>
      <c r="AT90" s="218"/>
      <c r="AU90" s="218"/>
      <c r="AV90" s="218"/>
      <c r="AW90" s="218"/>
      <c r="AX90" s="218"/>
      <c r="AY90" s="218"/>
      <c r="AZ90" s="218"/>
      <c r="BA90" s="218"/>
      <c r="BB90" s="218"/>
      <c r="BC90" s="218"/>
      <c r="BD90" s="218"/>
      <c r="BE90" s="218"/>
      <c r="BF90" s="218"/>
      <c r="BG90" s="218"/>
      <c r="BH90" s="218"/>
      <c r="BI90" s="218"/>
      <c r="BJ90" s="218"/>
      <c r="BK90" s="218"/>
      <c r="BL90" s="218"/>
      <c r="BM90" s="218"/>
      <c r="BN90" s="218"/>
      <c r="BO90" s="218"/>
      <c r="BP90" s="218"/>
      <c r="BQ90" s="218"/>
      <c r="BR90" s="218"/>
      <c r="BS90" s="218"/>
      <c r="BT90" s="218"/>
      <c r="BU90" s="218"/>
      <c r="BV90" s="218"/>
      <c r="BW90" s="218"/>
      <c r="BX90" s="103"/>
      <c r="BY90" s="218"/>
      <c r="BZ90" s="218"/>
      <c r="CA90" s="218"/>
      <c r="CB90" s="218"/>
      <c r="CC90" s="218"/>
      <c r="CD90" s="218"/>
      <c r="CE90" s="371" t="str">
        <f t="shared" si="2"/>
        <v/>
      </c>
      <c r="CF90" s="371"/>
      <c r="CG90" s="371"/>
      <c r="CH90" s="371"/>
      <c r="CI90" s="371"/>
      <c r="CJ90" s="379"/>
      <c r="CK90" s="383"/>
      <c r="CL90" s="383"/>
      <c r="CM90" s="370"/>
      <c r="CN90" s="370"/>
      <c r="CO90" s="370"/>
      <c r="CP90" s="370"/>
      <c r="CQ90" s="370"/>
      <c r="CR90" s="370"/>
      <c r="CS90" s="370"/>
      <c r="CT90" s="262"/>
      <c r="CU90" s="262"/>
      <c r="CV90" s="262"/>
      <c r="CW90" s="262"/>
      <c r="CX90" s="371"/>
      <c r="CY90" s="371"/>
      <c r="CZ90" s="455"/>
    </row>
    <row r="91" spans="1:104" s="67" customFormat="1" ht="12">
      <c r="A91" s="72">
        <v>71</v>
      </c>
      <c r="B91" s="103"/>
      <c r="C91" s="807"/>
      <c r="D91" s="103"/>
      <c r="E91" s="103"/>
      <c r="F91" s="103"/>
      <c r="G91" s="103"/>
      <c r="H91" s="217"/>
      <c r="I91" s="217"/>
      <c r="J91" s="217"/>
      <c r="K91" s="353"/>
      <c r="L91" s="353"/>
      <c r="M91" s="401"/>
      <c r="N91" s="401"/>
      <c r="O91" s="789"/>
      <c r="P91" s="798"/>
      <c r="Q91" s="401"/>
      <c r="R91" s="401"/>
      <c r="S91" s="401"/>
      <c r="T91" s="401"/>
      <c r="U91" s="401"/>
      <c r="V91" s="401"/>
      <c r="W91" s="799"/>
      <c r="X91" s="792"/>
      <c r="Y91" s="505"/>
      <c r="Z91" s="505"/>
      <c r="AA91" s="505"/>
      <c r="AB91" s="505"/>
      <c r="AC91" s="218"/>
      <c r="AD91" s="218"/>
      <c r="AE91" s="218"/>
      <c r="AF91" s="218"/>
      <c r="AG91" s="218"/>
      <c r="AH91" s="218"/>
      <c r="AI91" s="218"/>
      <c r="AJ91" s="218"/>
      <c r="AK91" s="218"/>
      <c r="AL91" s="218"/>
      <c r="AM91" s="218"/>
      <c r="AN91" s="218"/>
      <c r="AO91" s="218"/>
      <c r="AP91" s="218"/>
      <c r="AQ91" s="218"/>
      <c r="AR91" s="218"/>
      <c r="AS91" s="218"/>
      <c r="AT91" s="218"/>
      <c r="AU91" s="218"/>
      <c r="AV91" s="218"/>
      <c r="AW91" s="218"/>
      <c r="AX91" s="218"/>
      <c r="AY91" s="218"/>
      <c r="AZ91" s="218"/>
      <c r="BA91" s="218"/>
      <c r="BB91" s="218"/>
      <c r="BC91" s="218"/>
      <c r="BD91" s="218"/>
      <c r="BE91" s="218"/>
      <c r="BF91" s="218"/>
      <c r="BG91" s="218"/>
      <c r="BH91" s="218"/>
      <c r="BI91" s="218"/>
      <c r="BJ91" s="218"/>
      <c r="BK91" s="218"/>
      <c r="BL91" s="218"/>
      <c r="BM91" s="218"/>
      <c r="BN91" s="218"/>
      <c r="BO91" s="218"/>
      <c r="BP91" s="218"/>
      <c r="BQ91" s="218"/>
      <c r="BR91" s="218"/>
      <c r="BS91" s="218"/>
      <c r="BT91" s="218"/>
      <c r="BU91" s="218"/>
      <c r="BV91" s="218"/>
      <c r="BW91" s="218"/>
      <c r="BX91" s="103"/>
      <c r="BY91" s="218"/>
      <c r="BZ91" s="218"/>
      <c r="CA91" s="218"/>
      <c r="CB91" s="218"/>
      <c r="CC91" s="218"/>
      <c r="CD91" s="218"/>
      <c r="CE91" s="371" t="str">
        <f t="shared" si="2"/>
        <v/>
      </c>
      <c r="CF91" s="371"/>
      <c r="CG91" s="371"/>
      <c r="CH91" s="371"/>
      <c r="CI91" s="371"/>
      <c r="CJ91" s="379"/>
      <c r="CK91" s="383"/>
      <c r="CL91" s="383"/>
      <c r="CM91" s="370"/>
      <c r="CN91" s="370"/>
      <c r="CO91" s="370"/>
      <c r="CP91" s="370"/>
      <c r="CQ91" s="370"/>
      <c r="CR91" s="370"/>
      <c r="CS91" s="370"/>
      <c r="CT91" s="262"/>
      <c r="CU91" s="262"/>
      <c r="CV91" s="262"/>
      <c r="CW91" s="262"/>
      <c r="CX91" s="371"/>
      <c r="CY91" s="371"/>
      <c r="CZ91" s="455"/>
    </row>
    <row r="92" spans="1:104" s="67" customFormat="1" ht="12">
      <c r="A92" s="72">
        <v>72</v>
      </c>
      <c r="B92" s="103"/>
      <c r="C92" s="807"/>
      <c r="D92" s="103"/>
      <c r="E92" s="103"/>
      <c r="F92" s="103"/>
      <c r="G92" s="103"/>
      <c r="H92" s="217"/>
      <c r="I92" s="217"/>
      <c r="J92" s="217"/>
      <c r="K92" s="353"/>
      <c r="L92" s="353"/>
      <c r="M92" s="401"/>
      <c r="N92" s="401"/>
      <c r="O92" s="789"/>
      <c r="P92" s="798"/>
      <c r="Q92" s="401"/>
      <c r="R92" s="401"/>
      <c r="S92" s="401"/>
      <c r="T92" s="401"/>
      <c r="U92" s="401"/>
      <c r="V92" s="401"/>
      <c r="W92" s="799"/>
      <c r="X92" s="792"/>
      <c r="Y92" s="505"/>
      <c r="Z92" s="505"/>
      <c r="AA92" s="505"/>
      <c r="AB92" s="505"/>
      <c r="AC92" s="218"/>
      <c r="AD92" s="218"/>
      <c r="AE92" s="218"/>
      <c r="AF92" s="218"/>
      <c r="AG92" s="218"/>
      <c r="AH92" s="218"/>
      <c r="AI92" s="218"/>
      <c r="AJ92" s="218"/>
      <c r="AK92" s="218"/>
      <c r="AL92" s="218"/>
      <c r="AM92" s="218"/>
      <c r="AN92" s="218"/>
      <c r="AO92" s="218"/>
      <c r="AP92" s="218"/>
      <c r="AQ92" s="218"/>
      <c r="AR92" s="218"/>
      <c r="AS92" s="218"/>
      <c r="AT92" s="218"/>
      <c r="AU92" s="218"/>
      <c r="AV92" s="218"/>
      <c r="AW92" s="218"/>
      <c r="AX92" s="218"/>
      <c r="AY92" s="218"/>
      <c r="AZ92" s="218"/>
      <c r="BA92" s="218"/>
      <c r="BB92" s="218"/>
      <c r="BC92" s="218"/>
      <c r="BD92" s="218"/>
      <c r="BE92" s="218"/>
      <c r="BF92" s="218"/>
      <c r="BG92" s="218"/>
      <c r="BH92" s="218"/>
      <c r="BI92" s="218"/>
      <c r="BJ92" s="218"/>
      <c r="BK92" s="218"/>
      <c r="BL92" s="218"/>
      <c r="BM92" s="218"/>
      <c r="BN92" s="218"/>
      <c r="BO92" s="218"/>
      <c r="BP92" s="218"/>
      <c r="BQ92" s="218"/>
      <c r="BR92" s="218"/>
      <c r="BS92" s="218"/>
      <c r="BT92" s="218"/>
      <c r="BU92" s="218"/>
      <c r="BV92" s="218"/>
      <c r="BW92" s="218"/>
      <c r="BX92" s="103"/>
      <c r="BY92" s="218"/>
      <c r="BZ92" s="218"/>
      <c r="CA92" s="218"/>
      <c r="CB92" s="218"/>
      <c r="CC92" s="218"/>
      <c r="CD92" s="218"/>
      <c r="CE92" s="371" t="str">
        <f t="shared" si="2"/>
        <v/>
      </c>
      <c r="CF92" s="371"/>
      <c r="CG92" s="371"/>
      <c r="CH92" s="371"/>
      <c r="CI92" s="371"/>
      <c r="CJ92" s="379"/>
      <c r="CK92" s="383"/>
      <c r="CL92" s="383"/>
      <c r="CM92" s="370"/>
      <c r="CN92" s="370"/>
      <c r="CO92" s="370"/>
      <c r="CP92" s="370"/>
      <c r="CQ92" s="370"/>
      <c r="CR92" s="370"/>
      <c r="CS92" s="370"/>
      <c r="CT92" s="262"/>
      <c r="CU92" s="262"/>
      <c r="CV92" s="262"/>
      <c r="CW92" s="262"/>
      <c r="CX92" s="371"/>
      <c r="CY92" s="371"/>
      <c r="CZ92" s="455"/>
    </row>
    <row r="93" spans="1:104" s="67" customFormat="1" ht="12">
      <c r="A93" s="72">
        <v>73</v>
      </c>
      <c r="B93" s="103"/>
      <c r="C93" s="807"/>
      <c r="D93" s="103"/>
      <c r="E93" s="103"/>
      <c r="F93" s="103"/>
      <c r="G93" s="103"/>
      <c r="H93" s="217"/>
      <c r="I93" s="217"/>
      <c r="J93" s="217"/>
      <c r="K93" s="353"/>
      <c r="L93" s="353"/>
      <c r="M93" s="401"/>
      <c r="N93" s="401"/>
      <c r="O93" s="789"/>
      <c r="P93" s="798"/>
      <c r="Q93" s="401"/>
      <c r="R93" s="401"/>
      <c r="S93" s="401"/>
      <c r="T93" s="401"/>
      <c r="U93" s="401"/>
      <c r="V93" s="401"/>
      <c r="W93" s="799"/>
      <c r="X93" s="792"/>
      <c r="Y93" s="505"/>
      <c r="Z93" s="505"/>
      <c r="AA93" s="505"/>
      <c r="AB93" s="505"/>
      <c r="AC93" s="218"/>
      <c r="AD93" s="218"/>
      <c r="AE93" s="218"/>
      <c r="AF93" s="218"/>
      <c r="AG93" s="218"/>
      <c r="AH93" s="218"/>
      <c r="AI93" s="218"/>
      <c r="AJ93" s="218"/>
      <c r="AK93" s="218"/>
      <c r="AL93" s="218"/>
      <c r="AM93" s="218"/>
      <c r="AN93" s="218"/>
      <c r="AO93" s="218"/>
      <c r="AP93" s="218"/>
      <c r="AQ93" s="218"/>
      <c r="AR93" s="218"/>
      <c r="AS93" s="218"/>
      <c r="AT93" s="218"/>
      <c r="AU93" s="218"/>
      <c r="AV93" s="218"/>
      <c r="AW93" s="218"/>
      <c r="AX93" s="218"/>
      <c r="AY93" s="218"/>
      <c r="AZ93" s="218"/>
      <c r="BA93" s="218"/>
      <c r="BB93" s="218"/>
      <c r="BC93" s="218"/>
      <c r="BD93" s="218"/>
      <c r="BE93" s="218"/>
      <c r="BF93" s="218"/>
      <c r="BG93" s="218"/>
      <c r="BH93" s="218"/>
      <c r="BI93" s="218"/>
      <c r="BJ93" s="218"/>
      <c r="BK93" s="218"/>
      <c r="BL93" s="218"/>
      <c r="BM93" s="218"/>
      <c r="BN93" s="218"/>
      <c r="BO93" s="218"/>
      <c r="BP93" s="218"/>
      <c r="BQ93" s="218"/>
      <c r="BR93" s="218"/>
      <c r="BS93" s="218"/>
      <c r="BT93" s="218"/>
      <c r="BU93" s="218"/>
      <c r="BV93" s="218"/>
      <c r="BW93" s="218"/>
      <c r="BX93" s="103"/>
      <c r="BY93" s="218"/>
      <c r="BZ93" s="218"/>
      <c r="CA93" s="218"/>
      <c r="CB93" s="218"/>
      <c r="CC93" s="218"/>
      <c r="CD93" s="218"/>
      <c r="CE93" s="371" t="str">
        <f t="shared" si="2"/>
        <v/>
      </c>
      <c r="CF93" s="371"/>
      <c r="CG93" s="371"/>
      <c r="CH93" s="371"/>
      <c r="CI93" s="371"/>
      <c r="CJ93" s="379"/>
      <c r="CK93" s="383"/>
      <c r="CL93" s="383"/>
      <c r="CM93" s="370"/>
      <c r="CN93" s="370"/>
      <c r="CO93" s="370"/>
      <c r="CP93" s="370"/>
      <c r="CQ93" s="370"/>
      <c r="CR93" s="370"/>
      <c r="CS93" s="370"/>
      <c r="CT93" s="262"/>
      <c r="CU93" s="262"/>
      <c r="CV93" s="262"/>
      <c r="CW93" s="262"/>
      <c r="CX93" s="371"/>
      <c r="CY93" s="371"/>
      <c r="CZ93" s="455"/>
    </row>
    <row r="94" spans="1:104" s="67" customFormat="1" ht="12">
      <c r="A94" s="72">
        <v>74</v>
      </c>
      <c r="B94" s="103"/>
      <c r="C94" s="807"/>
      <c r="D94" s="103"/>
      <c r="E94" s="103"/>
      <c r="F94" s="103"/>
      <c r="G94" s="103"/>
      <c r="H94" s="217"/>
      <c r="I94" s="217"/>
      <c r="J94" s="217"/>
      <c r="K94" s="353"/>
      <c r="L94" s="353"/>
      <c r="M94" s="401"/>
      <c r="N94" s="401"/>
      <c r="O94" s="789"/>
      <c r="P94" s="798"/>
      <c r="Q94" s="401"/>
      <c r="R94" s="401"/>
      <c r="S94" s="401"/>
      <c r="T94" s="401"/>
      <c r="U94" s="401"/>
      <c r="V94" s="401"/>
      <c r="W94" s="799"/>
      <c r="X94" s="792"/>
      <c r="Y94" s="505"/>
      <c r="Z94" s="505"/>
      <c r="AA94" s="505"/>
      <c r="AB94" s="505"/>
      <c r="AC94" s="218"/>
      <c r="AD94" s="218"/>
      <c r="AE94" s="218"/>
      <c r="AF94" s="218"/>
      <c r="AG94" s="218"/>
      <c r="AH94" s="218"/>
      <c r="AI94" s="218"/>
      <c r="AJ94" s="218"/>
      <c r="AK94" s="218"/>
      <c r="AL94" s="218"/>
      <c r="AM94" s="218"/>
      <c r="AN94" s="218"/>
      <c r="AO94" s="218"/>
      <c r="AP94" s="218"/>
      <c r="AQ94" s="218"/>
      <c r="AR94" s="218"/>
      <c r="AS94" s="218"/>
      <c r="AT94" s="218"/>
      <c r="AU94" s="218"/>
      <c r="AV94" s="218"/>
      <c r="AW94" s="218"/>
      <c r="AX94" s="218"/>
      <c r="AY94" s="218"/>
      <c r="AZ94" s="218"/>
      <c r="BA94" s="218"/>
      <c r="BB94" s="218"/>
      <c r="BC94" s="218"/>
      <c r="BD94" s="218"/>
      <c r="BE94" s="218"/>
      <c r="BF94" s="218"/>
      <c r="BG94" s="218"/>
      <c r="BH94" s="218"/>
      <c r="BI94" s="218"/>
      <c r="BJ94" s="218"/>
      <c r="BK94" s="218"/>
      <c r="BL94" s="218"/>
      <c r="BM94" s="218"/>
      <c r="BN94" s="218"/>
      <c r="BO94" s="218"/>
      <c r="BP94" s="218"/>
      <c r="BQ94" s="218"/>
      <c r="BR94" s="218"/>
      <c r="BS94" s="218"/>
      <c r="BT94" s="218"/>
      <c r="BU94" s="218"/>
      <c r="BV94" s="218"/>
      <c r="BW94" s="218"/>
      <c r="BX94" s="103"/>
      <c r="BY94" s="218"/>
      <c r="BZ94" s="218"/>
      <c r="CA94" s="218"/>
      <c r="CB94" s="218"/>
      <c r="CC94" s="218"/>
      <c r="CD94" s="218"/>
      <c r="CE94" s="371" t="str">
        <f t="shared" si="2"/>
        <v/>
      </c>
      <c r="CF94" s="371"/>
      <c r="CG94" s="371"/>
      <c r="CH94" s="371"/>
      <c r="CI94" s="371"/>
      <c r="CJ94" s="379"/>
      <c r="CK94" s="383"/>
      <c r="CL94" s="383"/>
      <c r="CM94" s="370"/>
      <c r="CN94" s="370"/>
      <c r="CO94" s="370"/>
      <c r="CP94" s="370"/>
      <c r="CQ94" s="370"/>
      <c r="CR94" s="370"/>
      <c r="CS94" s="370"/>
      <c r="CT94" s="262"/>
      <c r="CU94" s="262"/>
      <c r="CV94" s="262"/>
      <c r="CW94" s="262"/>
      <c r="CX94" s="371"/>
      <c r="CY94" s="371"/>
      <c r="CZ94" s="455"/>
    </row>
    <row r="95" spans="1:104" s="67" customFormat="1" ht="12">
      <c r="A95" s="72">
        <v>75</v>
      </c>
      <c r="B95" s="103"/>
      <c r="C95" s="807"/>
      <c r="D95" s="103"/>
      <c r="E95" s="103"/>
      <c r="F95" s="103"/>
      <c r="G95" s="103"/>
      <c r="H95" s="217"/>
      <c r="I95" s="217"/>
      <c r="J95" s="217"/>
      <c r="K95" s="353"/>
      <c r="L95" s="353"/>
      <c r="M95" s="401"/>
      <c r="N95" s="401"/>
      <c r="O95" s="789"/>
      <c r="P95" s="798"/>
      <c r="Q95" s="401"/>
      <c r="R95" s="401"/>
      <c r="S95" s="401"/>
      <c r="T95" s="401"/>
      <c r="U95" s="401"/>
      <c r="V95" s="401"/>
      <c r="W95" s="799"/>
      <c r="X95" s="792"/>
      <c r="Y95" s="505"/>
      <c r="Z95" s="505"/>
      <c r="AA95" s="505"/>
      <c r="AB95" s="505"/>
      <c r="AC95" s="218"/>
      <c r="AD95" s="218"/>
      <c r="AE95" s="218"/>
      <c r="AF95" s="218"/>
      <c r="AG95" s="218"/>
      <c r="AH95" s="218"/>
      <c r="AI95" s="218"/>
      <c r="AJ95" s="218"/>
      <c r="AK95" s="218"/>
      <c r="AL95" s="218"/>
      <c r="AM95" s="218"/>
      <c r="AN95" s="218"/>
      <c r="AO95" s="218"/>
      <c r="AP95" s="218"/>
      <c r="AQ95" s="218"/>
      <c r="AR95" s="218"/>
      <c r="AS95" s="218"/>
      <c r="AT95" s="218"/>
      <c r="AU95" s="218"/>
      <c r="AV95" s="218"/>
      <c r="AW95" s="218"/>
      <c r="AX95" s="218"/>
      <c r="AY95" s="218"/>
      <c r="AZ95" s="218"/>
      <c r="BA95" s="218"/>
      <c r="BB95" s="218"/>
      <c r="BC95" s="218"/>
      <c r="BD95" s="218"/>
      <c r="BE95" s="218"/>
      <c r="BF95" s="218"/>
      <c r="BG95" s="218"/>
      <c r="BH95" s="218"/>
      <c r="BI95" s="218"/>
      <c r="BJ95" s="218"/>
      <c r="BK95" s="218"/>
      <c r="BL95" s="218"/>
      <c r="BM95" s="218"/>
      <c r="BN95" s="218"/>
      <c r="BO95" s="218"/>
      <c r="BP95" s="218"/>
      <c r="BQ95" s="218"/>
      <c r="BR95" s="218"/>
      <c r="BS95" s="218"/>
      <c r="BT95" s="218"/>
      <c r="BU95" s="218"/>
      <c r="BV95" s="218"/>
      <c r="BW95" s="218"/>
      <c r="BX95" s="103"/>
      <c r="BY95" s="218"/>
      <c r="BZ95" s="218"/>
      <c r="CA95" s="218"/>
      <c r="CB95" s="218"/>
      <c r="CC95" s="218"/>
      <c r="CD95" s="218"/>
      <c r="CE95" s="371" t="str">
        <f t="shared" si="2"/>
        <v/>
      </c>
      <c r="CF95" s="371"/>
      <c r="CG95" s="371"/>
      <c r="CH95" s="371"/>
      <c r="CI95" s="371"/>
      <c r="CJ95" s="379"/>
      <c r="CK95" s="383"/>
      <c r="CL95" s="383"/>
      <c r="CM95" s="370"/>
      <c r="CN95" s="370"/>
      <c r="CO95" s="370"/>
      <c r="CP95" s="370"/>
      <c r="CQ95" s="370"/>
      <c r="CR95" s="370"/>
      <c r="CS95" s="370"/>
      <c r="CT95" s="262"/>
      <c r="CU95" s="262"/>
      <c r="CV95" s="262"/>
      <c r="CW95" s="262"/>
      <c r="CX95" s="371"/>
      <c r="CY95" s="371"/>
      <c r="CZ95" s="455"/>
    </row>
    <row r="96" spans="1:104" s="67" customFormat="1" ht="12">
      <c r="A96" s="72">
        <v>76</v>
      </c>
      <c r="B96" s="103"/>
      <c r="C96" s="807"/>
      <c r="D96" s="103"/>
      <c r="E96" s="103"/>
      <c r="F96" s="103"/>
      <c r="G96" s="103"/>
      <c r="H96" s="217"/>
      <c r="I96" s="217"/>
      <c r="J96" s="217"/>
      <c r="K96" s="353"/>
      <c r="L96" s="353"/>
      <c r="M96" s="401"/>
      <c r="N96" s="401"/>
      <c r="O96" s="789"/>
      <c r="P96" s="798"/>
      <c r="Q96" s="401"/>
      <c r="R96" s="401"/>
      <c r="S96" s="401"/>
      <c r="T96" s="401"/>
      <c r="U96" s="401"/>
      <c r="V96" s="401"/>
      <c r="W96" s="799"/>
      <c r="X96" s="792"/>
      <c r="Y96" s="505"/>
      <c r="Z96" s="505"/>
      <c r="AA96" s="505"/>
      <c r="AB96" s="505"/>
      <c r="AC96" s="218"/>
      <c r="AD96" s="218"/>
      <c r="AE96" s="218"/>
      <c r="AF96" s="218"/>
      <c r="AG96" s="218"/>
      <c r="AH96" s="218"/>
      <c r="AI96" s="218"/>
      <c r="AJ96" s="218"/>
      <c r="AK96" s="218"/>
      <c r="AL96" s="218"/>
      <c r="AM96" s="218"/>
      <c r="AN96" s="218"/>
      <c r="AO96" s="218"/>
      <c r="AP96" s="218"/>
      <c r="AQ96" s="218"/>
      <c r="AR96" s="218"/>
      <c r="AS96" s="218"/>
      <c r="AT96" s="218"/>
      <c r="AU96" s="218"/>
      <c r="AV96" s="218"/>
      <c r="AW96" s="218"/>
      <c r="AX96" s="218"/>
      <c r="AY96" s="218"/>
      <c r="AZ96" s="218"/>
      <c r="BA96" s="218"/>
      <c r="BB96" s="218"/>
      <c r="BC96" s="218"/>
      <c r="BD96" s="218"/>
      <c r="BE96" s="218"/>
      <c r="BF96" s="218"/>
      <c r="BG96" s="218"/>
      <c r="BH96" s="218"/>
      <c r="BI96" s="218"/>
      <c r="BJ96" s="218"/>
      <c r="BK96" s="218"/>
      <c r="BL96" s="218"/>
      <c r="BM96" s="218"/>
      <c r="BN96" s="218"/>
      <c r="BO96" s="218"/>
      <c r="BP96" s="218"/>
      <c r="BQ96" s="218"/>
      <c r="BR96" s="218"/>
      <c r="BS96" s="218"/>
      <c r="BT96" s="218"/>
      <c r="BU96" s="218"/>
      <c r="BV96" s="218"/>
      <c r="BW96" s="218"/>
      <c r="BX96" s="103"/>
      <c r="BY96" s="218"/>
      <c r="BZ96" s="218"/>
      <c r="CA96" s="218"/>
      <c r="CB96" s="218"/>
      <c r="CC96" s="218"/>
      <c r="CD96" s="218"/>
      <c r="CE96" s="371" t="str">
        <f t="shared" si="2"/>
        <v/>
      </c>
      <c r="CF96" s="371"/>
      <c r="CG96" s="371"/>
      <c r="CH96" s="371"/>
      <c r="CI96" s="371"/>
      <c r="CJ96" s="379"/>
      <c r="CK96" s="383"/>
      <c r="CL96" s="383"/>
      <c r="CM96" s="370"/>
      <c r="CN96" s="370"/>
      <c r="CO96" s="370"/>
      <c r="CP96" s="370"/>
      <c r="CQ96" s="370"/>
      <c r="CR96" s="370"/>
      <c r="CS96" s="370"/>
      <c r="CT96" s="262"/>
      <c r="CU96" s="262"/>
      <c r="CV96" s="262"/>
      <c r="CW96" s="262"/>
      <c r="CX96" s="371"/>
      <c r="CY96" s="371"/>
      <c r="CZ96" s="455"/>
    </row>
    <row r="97" spans="1:104" s="67" customFormat="1" ht="12">
      <c r="A97" s="72">
        <v>77</v>
      </c>
      <c r="B97" s="103"/>
      <c r="C97" s="807"/>
      <c r="D97" s="103"/>
      <c r="E97" s="103"/>
      <c r="F97" s="103"/>
      <c r="G97" s="103"/>
      <c r="H97" s="217"/>
      <c r="I97" s="217"/>
      <c r="J97" s="217"/>
      <c r="K97" s="353"/>
      <c r="L97" s="353"/>
      <c r="M97" s="401"/>
      <c r="N97" s="401"/>
      <c r="O97" s="789"/>
      <c r="P97" s="798"/>
      <c r="Q97" s="401"/>
      <c r="R97" s="401"/>
      <c r="S97" s="401"/>
      <c r="T97" s="401"/>
      <c r="U97" s="401"/>
      <c r="V97" s="401"/>
      <c r="W97" s="799"/>
      <c r="X97" s="792"/>
      <c r="Y97" s="505"/>
      <c r="Z97" s="505"/>
      <c r="AA97" s="505"/>
      <c r="AB97" s="505"/>
      <c r="AC97" s="218"/>
      <c r="AD97" s="218"/>
      <c r="AE97" s="218"/>
      <c r="AF97" s="218"/>
      <c r="AG97" s="218"/>
      <c r="AH97" s="218"/>
      <c r="AI97" s="218"/>
      <c r="AJ97" s="218"/>
      <c r="AK97" s="218"/>
      <c r="AL97" s="218"/>
      <c r="AM97" s="218"/>
      <c r="AN97" s="218"/>
      <c r="AO97" s="218"/>
      <c r="AP97" s="218"/>
      <c r="AQ97" s="218"/>
      <c r="AR97" s="218"/>
      <c r="AS97" s="218"/>
      <c r="AT97" s="218"/>
      <c r="AU97" s="218"/>
      <c r="AV97" s="218"/>
      <c r="AW97" s="218"/>
      <c r="AX97" s="218"/>
      <c r="AY97" s="218"/>
      <c r="AZ97" s="218"/>
      <c r="BA97" s="218"/>
      <c r="BB97" s="218"/>
      <c r="BC97" s="218"/>
      <c r="BD97" s="218"/>
      <c r="BE97" s="218"/>
      <c r="BF97" s="218"/>
      <c r="BG97" s="218"/>
      <c r="BH97" s="218"/>
      <c r="BI97" s="218"/>
      <c r="BJ97" s="218"/>
      <c r="BK97" s="218"/>
      <c r="BL97" s="218"/>
      <c r="BM97" s="218"/>
      <c r="BN97" s="218"/>
      <c r="BO97" s="218"/>
      <c r="BP97" s="218"/>
      <c r="BQ97" s="218"/>
      <c r="BR97" s="218"/>
      <c r="BS97" s="218"/>
      <c r="BT97" s="218"/>
      <c r="BU97" s="218"/>
      <c r="BV97" s="218"/>
      <c r="BW97" s="218"/>
      <c r="BX97" s="103"/>
      <c r="BY97" s="218"/>
      <c r="BZ97" s="218"/>
      <c r="CA97" s="218"/>
      <c r="CB97" s="218"/>
      <c r="CC97" s="218"/>
      <c r="CD97" s="218"/>
      <c r="CE97" s="371" t="str">
        <f t="shared" si="2"/>
        <v/>
      </c>
      <c r="CF97" s="371"/>
      <c r="CG97" s="371"/>
      <c r="CH97" s="371"/>
      <c r="CI97" s="371"/>
      <c r="CJ97" s="379"/>
      <c r="CK97" s="383"/>
      <c r="CL97" s="383"/>
      <c r="CM97" s="370"/>
      <c r="CN97" s="370"/>
      <c r="CO97" s="370"/>
      <c r="CP97" s="370"/>
      <c r="CQ97" s="370"/>
      <c r="CR97" s="370"/>
      <c r="CS97" s="370"/>
      <c r="CT97" s="262"/>
      <c r="CU97" s="262"/>
      <c r="CV97" s="262"/>
      <c r="CW97" s="262"/>
      <c r="CX97" s="371"/>
      <c r="CY97" s="371"/>
      <c r="CZ97" s="455"/>
    </row>
    <row r="98" spans="1:104" s="67" customFormat="1" ht="12">
      <c r="A98" s="72">
        <v>78</v>
      </c>
      <c r="B98" s="103"/>
      <c r="C98" s="807"/>
      <c r="D98" s="103"/>
      <c r="E98" s="103"/>
      <c r="F98" s="103"/>
      <c r="G98" s="103"/>
      <c r="H98" s="217"/>
      <c r="I98" s="217"/>
      <c r="J98" s="217"/>
      <c r="K98" s="353"/>
      <c r="L98" s="353"/>
      <c r="M98" s="401"/>
      <c r="N98" s="401"/>
      <c r="O98" s="789"/>
      <c r="P98" s="798"/>
      <c r="Q98" s="401"/>
      <c r="R98" s="401"/>
      <c r="S98" s="401"/>
      <c r="T98" s="401"/>
      <c r="U98" s="401"/>
      <c r="V98" s="401"/>
      <c r="W98" s="799"/>
      <c r="X98" s="792"/>
      <c r="Y98" s="505"/>
      <c r="Z98" s="505"/>
      <c r="AA98" s="505"/>
      <c r="AB98" s="505"/>
      <c r="AC98" s="218"/>
      <c r="AD98" s="218"/>
      <c r="AE98" s="218"/>
      <c r="AF98" s="218"/>
      <c r="AG98" s="218"/>
      <c r="AH98" s="218"/>
      <c r="AI98" s="218"/>
      <c r="AJ98" s="218"/>
      <c r="AK98" s="218"/>
      <c r="AL98" s="218"/>
      <c r="AM98" s="218"/>
      <c r="AN98" s="218"/>
      <c r="AO98" s="218"/>
      <c r="AP98" s="218"/>
      <c r="AQ98" s="218"/>
      <c r="AR98" s="218"/>
      <c r="AS98" s="218"/>
      <c r="AT98" s="218"/>
      <c r="AU98" s="218"/>
      <c r="AV98" s="218"/>
      <c r="AW98" s="218"/>
      <c r="AX98" s="218"/>
      <c r="AY98" s="218"/>
      <c r="AZ98" s="218"/>
      <c r="BA98" s="218"/>
      <c r="BB98" s="218"/>
      <c r="BC98" s="218"/>
      <c r="BD98" s="218"/>
      <c r="BE98" s="218"/>
      <c r="BF98" s="218"/>
      <c r="BG98" s="218"/>
      <c r="BH98" s="218"/>
      <c r="BI98" s="218"/>
      <c r="BJ98" s="218"/>
      <c r="BK98" s="218"/>
      <c r="BL98" s="218"/>
      <c r="BM98" s="218"/>
      <c r="BN98" s="218"/>
      <c r="BO98" s="218"/>
      <c r="BP98" s="218"/>
      <c r="BQ98" s="218"/>
      <c r="BR98" s="218"/>
      <c r="BS98" s="218"/>
      <c r="BT98" s="218"/>
      <c r="BU98" s="218"/>
      <c r="BV98" s="218"/>
      <c r="BW98" s="218"/>
      <c r="BX98" s="103"/>
      <c r="BY98" s="218"/>
      <c r="BZ98" s="218"/>
      <c r="CA98" s="218"/>
      <c r="CB98" s="218"/>
      <c r="CC98" s="218"/>
      <c r="CD98" s="218"/>
      <c r="CE98" s="371" t="str">
        <f t="shared" si="2"/>
        <v/>
      </c>
      <c r="CF98" s="371"/>
      <c r="CG98" s="371"/>
      <c r="CH98" s="371"/>
      <c r="CI98" s="371"/>
      <c r="CJ98" s="379"/>
      <c r="CK98" s="383"/>
      <c r="CL98" s="383"/>
      <c r="CM98" s="370"/>
      <c r="CN98" s="370"/>
      <c r="CO98" s="370"/>
      <c r="CP98" s="370"/>
      <c r="CQ98" s="370"/>
      <c r="CR98" s="370"/>
      <c r="CS98" s="370"/>
      <c r="CT98" s="262"/>
      <c r="CU98" s="262"/>
      <c r="CV98" s="262"/>
      <c r="CW98" s="262"/>
      <c r="CX98" s="371"/>
      <c r="CY98" s="371"/>
      <c r="CZ98" s="455"/>
    </row>
    <row r="99" spans="1:104" s="67" customFormat="1" ht="12">
      <c r="A99" s="72">
        <v>79</v>
      </c>
      <c r="B99" s="103"/>
      <c r="C99" s="807"/>
      <c r="D99" s="103"/>
      <c r="E99" s="103"/>
      <c r="F99" s="103"/>
      <c r="G99" s="103"/>
      <c r="H99" s="217"/>
      <c r="I99" s="217"/>
      <c r="J99" s="217"/>
      <c r="K99" s="353"/>
      <c r="L99" s="353"/>
      <c r="M99" s="401"/>
      <c r="N99" s="401"/>
      <c r="O99" s="789"/>
      <c r="P99" s="798"/>
      <c r="Q99" s="401"/>
      <c r="R99" s="401"/>
      <c r="S99" s="401"/>
      <c r="T99" s="401"/>
      <c r="U99" s="401"/>
      <c r="V99" s="401"/>
      <c r="W99" s="799"/>
      <c r="X99" s="792"/>
      <c r="Y99" s="505"/>
      <c r="Z99" s="505"/>
      <c r="AA99" s="505"/>
      <c r="AB99" s="505"/>
      <c r="AC99" s="218"/>
      <c r="AD99" s="218"/>
      <c r="AE99" s="218"/>
      <c r="AF99" s="218"/>
      <c r="AG99" s="218"/>
      <c r="AH99" s="218"/>
      <c r="AI99" s="218"/>
      <c r="AJ99" s="218"/>
      <c r="AK99" s="218"/>
      <c r="AL99" s="218"/>
      <c r="AM99" s="218"/>
      <c r="AN99" s="218"/>
      <c r="AO99" s="218"/>
      <c r="AP99" s="218"/>
      <c r="AQ99" s="218"/>
      <c r="AR99" s="218"/>
      <c r="AS99" s="218"/>
      <c r="AT99" s="218"/>
      <c r="AU99" s="218"/>
      <c r="AV99" s="218"/>
      <c r="AW99" s="218"/>
      <c r="AX99" s="218"/>
      <c r="AY99" s="218"/>
      <c r="AZ99" s="218"/>
      <c r="BA99" s="218"/>
      <c r="BB99" s="218"/>
      <c r="BC99" s="218"/>
      <c r="BD99" s="218"/>
      <c r="BE99" s="218"/>
      <c r="BF99" s="218"/>
      <c r="BG99" s="218"/>
      <c r="BH99" s="218"/>
      <c r="BI99" s="218"/>
      <c r="BJ99" s="218"/>
      <c r="BK99" s="218"/>
      <c r="BL99" s="218"/>
      <c r="BM99" s="218"/>
      <c r="BN99" s="218"/>
      <c r="BO99" s="218"/>
      <c r="BP99" s="218"/>
      <c r="BQ99" s="218"/>
      <c r="BR99" s="218"/>
      <c r="BS99" s="218"/>
      <c r="BT99" s="218"/>
      <c r="BU99" s="218"/>
      <c r="BV99" s="218"/>
      <c r="BW99" s="218"/>
      <c r="BX99" s="103"/>
      <c r="BY99" s="218"/>
      <c r="BZ99" s="218"/>
      <c r="CA99" s="218"/>
      <c r="CB99" s="218"/>
      <c r="CC99" s="218"/>
      <c r="CD99" s="218"/>
      <c r="CE99" s="371" t="str">
        <f t="shared" si="2"/>
        <v/>
      </c>
      <c r="CF99" s="371"/>
      <c r="CG99" s="371"/>
      <c r="CH99" s="371"/>
      <c r="CI99" s="371"/>
      <c r="CJ99" s="379"/>
      <c r="CK99" s="383"/>
      <c r="CL99" s="383"/>
      <c r="CM99" s="370"/>
      <c r="CN99" s="370"/>
      <c r="CO99" s="370"/>
      <c r="CP99" s="370"/>
      <c r="CQ99" s="370"/>
      <c r="CR99" s="370"/>
      <c r="CS99" s="370"/>
      <c r="CT99" s="262"/>
      <c r="CU99" s="262"/>
      <c r="CV99" s="262"/>
      <c r="CW99" s="262"/>
      <c r="CX99" s="371"/>
      <c r="CY99" s="371"/>
      <c r="CZ99" s="455"/>
    </row>
    <row r="100" spans="1:104" s="67" customFormat="1" ht="12">
      <c r="A100" s="72">
        <v>80</v>
      </c>
      <c r="B100" s="103"/>
      <c r="C100" s="807"/>
      <c r="D100" s="103"/>
      <c r="E100" s="103"/>
      <c r="F100" s="103"/>
      <c r="G100" s="103"/>
      <c r="H100" s="217"/>
      <c r="I100" s="217"/>
      <c r="J100" s="217"/>
      <c r="K100" s="353"/>
      <c r="L100" s="353"/>
      <c r="M100" s="401"/>
      <c r="N100" s="401"/>
      <c r="O100" s="789"/>
      <c r="P100" s="798"/>
      <c r="Q100" s="401"/>
      <c r="R100" s="401"/>
      <c r="S100" s="401"/>
      <c r="T100" s="401"/>
      <c r="U100" s="401"/>
      <c r="V100" s="401"/>
      <c r="W100" s="799"/>
      <c r="X100" s="792"/>
      <c r="Y100" s="505"/>
      <c r="Z100" s="505"/>
      <c r="AA100" s="505"/>
      <c r="AB100" s="505"/>
      <c r="AC100" s="218"/>
      <c r="AD100" s="218"/>
      <c r="AE100" s="218"/>
      <c r="AF100" s="218"/>
      <c r="AG100" s="218"/>
      <c r="AH100" s="218"/>
      <c r="AI100" s="218"/>
      <c r="AJ100" s="218"/>
      <c r="AK100" s="218"/>
      <c r="AL100" s="218"/>
      <c r="AM100" s="218"/>
      <c r="AN100" s="218"/>
      <c r="AO100" s="218"/>
      <c r="AP100" s="218"/>
      <c r="AQ100" s="218"/>
      <c r="AR100" s="218"/>
      <c r="AS100" s="218"/>
      <c r="AT100" s="218"/>
      <c r="AU100" s="218"/>
      <c r="AV100" s="218"/>
      <c r="AW100" s="218"/>
      <c r="AX100" s="218"/>
      <c r="AY100" s="218"/>
      <c r="AZ100" s="218"/>
      <c r="BA100" s="218"/>
      <c r="BB100" s="218"/>
      <c r="BC100" s="218"/>
      <c r="BD100" s="218"/>
      <c r="BE100" s="218"/>
      <c r="BF100" s="218"/>
      <c r="BG100" s="218"/>
      <c r="BH100" s="218"/>
      <c r="BI100" s="218"/>
      <c r="BJ100" s="218"/>
      <c r="BK100" s="218"/>
      <c r="BL100" s="218"/>
      <c r="BM100" s="218"/>
      <c r="BN100" s="218"/>
      <c r="BO100" s="218"/>
      <c r="BP100" s="218"/>
      <c r="BQ100" s="218"/>
      <c r="BR100" s="218"/>
      <c r="BS100" s="218"/>
      <c r="BT100" s="218"/>
      <c r="BU100" s="218"/>
      <c r="BV100" s="218"/>
      <c r="BW100" s="218"/>
      <c r="BX100" s="103"/>
      <c r="BY100" s="218"/>
      <c r="BZ100" s="218"/>
      <c r="CA100" s="218"/>
      <c r="CB100" s="218"/>
      <c r="CC100" s="218"/>
      <c r="CD100" s="218"/>
      <c r="CE100" s="371" t="str">
        <f t="shared" si="2"/>
        <v/>
      </c>
      <c r="CF100" s="371"/>
      <c r="CG100" s="371"/>
      <c r="CH100" s="371"/>
      <c r="CI100" s="371"/>
      <c r="CJ100" s="379"/>
      <c r="CK100" s="383"/>
      <c r="CL100" s="383"/>
      <c r="CM100" s="370"/>
      <c r="CN100" s="370"/>
      <c r="CO100" s="370"/>
      <c r="CP100" s="370"/>
      <c r="CQ100" s="370"/>
      <c r="CR100" s="370"/>
      <c r="CS100" s="370"/>
      <c r="CT100" s="262"/>
      <c r="CU100" s="262"/>
      <c r="CV100" s="262"/>
      <c r="CW100" s="262"/>
      <c r="CX100" s="371"/>
      <c r="CY100" s="371"/>
      <c r="CZ100" s="455"/>
    </row>
    <row r="101" spans="1:104" s="67" customFormat="1" ht="12">
      <c r="A101" s="390"/>
      <c r="B101" s="391"/>
      <c r="C101" s="808"/>
      <c r="D101" s="391"/>
      <c r="E101" s="391"/>
      <c r="F101" s="391"/>
      <c r="G101" s="391"/>
      <c r="H101" s="392"/>
      <c r="I101" s="392"/>
      <c r="J101" s="392"/>
      <c r="K101" s="393"/>
      <c r="L101" s="393"/>
      <c r="M101" s="394"/>
      <c r="N101" s="394"/>
      <c r="O101" s="394"/>
      <c r="P101" s="394"/>
      <c r="Q101" s="394"/>
      <c r="R101" s="394"/>
      <c r="S101" s="394"/>
      <c r="T101" s="394"/>
      <c r="U101" s="394"/>
      <c r="V101" s="394"/>
      <c r="W101" s="394"/>
      <c r="X101" s="394"/>
      <c r="Y101" s="394"/>
      <c r="Z101" s="506"/>
      <c r="AA101" s="506"/>
      <c r="AB101" s="506"/>
      <c r="AC101" s="395"/>
      <c r="AD101" s="395"/>
      <c r="AE101" s="395"/>
      <c r="AF101" s="395"/>
      <c r="AG101" s="395"/>
      <c r="AH101" s="395"/>
      <c r="AI101" s="395"/>
      <c r="AJ101" s="395"/>
      <c r="AK101" s="395"/>
      <c r="AL101" s="395"/>
      <c r="AM101" s="395"/>
      <c r="AN101" s="395"/>
      <c r="AO101" s="395"/>
      <c r="AP101" s="395"/>
      <c r="AQ101" s="395"/>
      <c r="AR101" s="395"/>
      <c r="AS101" s="395"/>
      <c r="AT101" s="395"/>
      <c r="AU101" s="395"/>
      <c r="AV101" s="395"/>
      <c r="AW101" s="395"/>
      <c r="AX101" s="395"/>
      <c r="AY101" s="395"/>
      <c r="AZ101" s="395"/>
      <c r="BA101" s="395"/>
      <c r="BB101" s="395"/>
      <c r="BC101" s="395"/>
      <c r="BD101" s="395"/>
      <c r="BE101" s="395"/>
      <c r="BF101" s="395"/>
      <c r="BG101" s="395"/>
      <c r="BH101" s="395"/>
      <c r="BI101" s="395"/>
      <c r="BJ101" s="395"/>
      <c r="BK101" s="395"/>
      <c r="BL101" s="395"/>
      <c r="BM101" s="395"/>
      <c r="BN101" s="395"/>
      <c r="BO101" s="395"/>
      <c r="BP101" s="395"/>
      <c r="BQ101" s="395"/>
      <c r="BR101" s="395"/>
      <c r="BS101" s="395"/>
      <c r="BT101" s="395"/>
      <c r="BU101" s="395"/>
      <c r="BV101" s="395"/>
      <c r="BW101" s="395"/>
      <c r="BX101" s="391"/>
      <c r="BY101" s="395"/>
      <c r="BZ101" s="395"/>
      <c r="CA101" s="395"/>
      <c r="CB101" s="395"/>
      <c r="CC101" s="395"/>
      <c r="CD101" s="395"/>
      <c r="CE101" s="67" t="str">
        <f>IF( COUNTIF($AC101:$BW101,"◎")=1,INDEX($AC$15:$BW$15,AN219,MATCH("◎",$AC101:$BW101,0)),"" )</f>
        <v/>
      </c>
      <c r="CJ101" s="396"/>
      <c r="CK101" s="397"/>
      <c r="CL101" s="397"/>
      <c r="CM101" s="398"/>
      <c r="CN101" s="398"/>
      <c r="CO101" s="398"/>
      <c r="CP101" s="398"/>
      <c r="CQ101" s="398"/>
      <c r="CR101" s="398"/>
      <c r="CS101" s="398"/>
      <c r="CT101" s="398"/>
      <c r="CU101" s="398"/>
      <c r="CV101" s="399"/>
      <c r="CW101" s="399"/>
      <c r="CX101" s="399"/>
      <c r="CY101" s="399"/>
    </row>
    <row r="102" spans="1:104" s="67" customFormat="1" ht="12">
      <c r="A102" s="390"/>
      <c r="B102" s="391"/>
      <c r="C102" s="808"/>
      <c r="D102" s="391"/>
      <c r="E102" s="391"/>
      <c r="F102" s="391"/>
      <c r="G102" s="391"/>
      <c r="H102" s="392"/>
      <c r="I102" s="392"/>
      <c r="J102" s="392"/>
      <c r="K102" s="393"/>
      <c r="L102" s="393"/>
      <c r="M102" s="394"/>
      <c r="N102" s="394"/>
      <c r="O102" s="394"/>
      <c r="P102" s="394"/>
      <c r="Q102" s="394"/>
      <c r="R102" s="394"/>
      <c r="S102" s="394"/>
      <c r="T102" s="394"/>
      <c r="U102" s="394"/>
      <c r="V102" s="394"/>
      <c r="W102" s="394"/>
      <c r="X102" s="394"/>
      <c r="Y102" s="394"/>
      <c r="Z102" s="506"/>
      <c r="AA102" s="506"/>
      <c r="AB102" s="506"/>
      <c r="AC102" s="395"/>
      <c r="AD102" s="395"/>
      <c r="AE102" s="395"/>
      <c r="AF102" s="395"/>
      <c r="AG102" s="395"/>
      <c r="AH102" s="395"/>
      <c r="AI102" s="395"/>
      <c r="AJ102" s="395"/>
      <c r="AK102" s="395"/>
      <c r="AL102" s="395"/>
      <c r="AM102" s="395"/>
      <c r="AN102" s="395"/>
      <c r="AO102" s="395"/>
      <c r="AP102" s="395"/>
      <c r="AQ102" s="395"/>
      <c r="AR102" s="395"/>
      <c r="AS102" s="395"/>
      <c r="AT102" s="395"/>
      <c r="AU102" s="395"/>
      <c r="AV102" s="395"/>
      <c r="AW102" s="395"/>
      <c r="AX102" s="395"/>
      <c r="AY102" s="395"/>
      <c r="AZ102" s="395"/>
      <c r="BA102" s="395"/>
      <c r="BB102" s="395"/>
      <c r="BC102" s="395"/>
      <c r="BD102" s="395"/>
      <c r="BE102" s="395"/>
      <c r="BF102" s="395"/>
      <c r="BG102" s="395"/>
      <c r="BH102" s="395"/>
      <c r="BI102" s="395"/>
      <c r="BJ102" s="395"/>
      <c r="BK102" s="395"/>
      <c r="BL102" s="395"/>
      <c r="BM102" s="395"/>
      <c r="BN102" s="395"/>
      <c r="BO102" s="395"/>
      <c r="BP102" s="395"/>
      <c r="BQ102" s="395"/>
      <c r="BR102" s="395"/>
      <c r="BS102" s="395"/>
      <c r="BT102" s="395"/>
      <c r="BU102" s="395"/>
      <c r="BV102" s="395"/>
      <c r="BW102" s="395"/>
      <c r="BX102" s="391"/>
      <c r="BY102" s="395"/>
      <c r="BZ102" s="395"/>
      <c r="CA102" s="395"/>
      <c r="CB102" s="395"/>
      <c r="CC102" s="395"/>
      <c r="CD102" s="395"/>
      <c r="CE102" s="67" t="str">
        <f>IF( COUNTIF($AC102:$BW102,"◎")=1,INDEX($AC$15:$BW$15,AN220,MATCH("◎",$AC102:$BW102,0)),"" )</f>
        <v/>
      </c>
      <c r="CJ102" s="396"/>
      <c r="CK102" s="397"/>
      <c r="CL102" s="397"/>
      <c r="CM102" s="398"/>
      <c r="CN102" s="398"/>
      <c r="CO102" s="398"/>
      <c r="CP102" s="398"/>
      <c r="CQ102" s="398"/>
      <c r="CR102" s="398"/>
      <c r="CS102" s="398"/>
      <c r="CT102" s="398"/>
      <c r="CU102" s="398"/>
      <c r="CV102" s="399"/>
      <c r="CW102" s="399"/>
      <c r="CX102" s="399"/>
      <c r="CY102" s="399"/>
    </row>
    <row r="103" spans="1:104" s="67" customFormat="1" ht="12">
      <c r="A103" s="390"/>
      <c r="B103" s="391"/>
      <c r="C103" s="808"/>
      <c r="D103" s="391"/>
      <c r="E103" s="391"/>
      <c r="F103" s="391"/>
      <c r="G103" s="391"/>
      <c r="H103" s="392"/>
      <c r="I103" s="392"/>
      <c r="J103" s="392"/>
      <c r="K103" s="393"/>
      <c r="L103" s="393"/>
      <c r="M103" s="394"/>
      <c r="N103" s="394"/>
      <c r="O103" s="394"/>
      <c r="P103" s="394"/>
      <c r="Q103" s="394"/>
      <c r="R103" s="394"/>
      <c r="S103" s="394"/>
      <c r="T103" s="394"/>
      <c r="U103" s="394"/>
      <c r="V103" s="394"/>
      <c r="W103" s="394"/>
      <c r="X103" s="394"/>
      <c r="Y103" s="394"/>
      <c r="Z103" s="506"/>
      <c r="AA103" s="506"/>
      <c r="AB103" s="506"/>
      <c r="AC103" s="395"/>
      <c r="AD103" s="395"/>
      <c r="AE103" s="395"/>
      <c r="AF103" s="395"/>
      <c r="AG103" s="395"/>
      <c r="AH103" s="395"/>
      <c r="AI103" s="395"/>
      <c r="AJ103" s="395"/>
      <c r="AK103" s="395"/>
      <c r="AL103" s="395"/>
      <c r="AM103" s="395"/>
      <c r="AN103" s="395"/>
      <c r="AO103" s="395"/>
      <c r="AP103" s="395"/>
      <c r="AQ103" s="395"/>
      <c r="AR103" s="395"/>
      <c r="AS103" s="395"/>
      <c r="AT103" s="395"/>
      <c r="AU103" s="395"/>
      <c r="AV103" s="395"/>
      <c r="AW103" s="395"/>
      <c r="AX103" s="395"/>
      <c r="AY103" s="395"/>
      <c r="AZ103" s="395"/>
      <c r="BA103" s="395"/>
      <c r="BB103" s="395"/>
      <c r="BC103" s="395"/>
      <c r="BD103" s="395"/>
      <c r="BE103" s="395"/>
      <c r="BF103" s="395"/>
      <c r="BG103" s="395"/>
      <c r="BH103" s="395"/>
      <c r="BI103" s="395"/>
      <c r="BJ103" s="395"/>
      <c r="BK103" s="395"/>
      <c r="BL103" s="395"/>
      <c r="BM103" s="395"/>
      <c r="BN103" s="395"/>
      <c r="BO103" s="395"/>
      <c r="BP103" s="395"/>
      <c r="BQ103" s="395"/>
      <c r="BR103" s="395"/>
      <c r="BS103" s="395"/>
      <c r="BT103" s="395"/>
      <c r="BU103" s="395"/>
      <c r="BV103" s="395"/>
      <c r="BW103" s="395"/>
      <c r="BX103" s="391"/>
      <c r="BY103" s="395"/>
      <c r="BZ103" s="395"/>
      <c r="CA103" s="395"/>
      <c r="CB103" s="395"/>
      <c r="CC103" s="395"/>
      <c r="CD103" s="395"/>
      <c r="CE103" s="67" t="str">
        <f>IF( COUNTIF($AC103:$BW103,"◎")=1,INDEX($AC$15:$BW$15,AN221,MATCH("◎",$AC103:$BW103,0)),"" )</f>
        <v/>
      </c>
      <c r="CJ103" s="396"/>
      <c r="CK103" s="397"/>
      <c r="CL103" s="397"/>
      <c r="CM103" s="398"/>
      <c r="CN103" s="398"/>
      <c r="CO103" s="398"/>
      <c r="CP103" s="398"/>
      <c r="CQ103" s="398"/>
      <c r="CR103" s="398"/>
      <c r="CS103" s="398"/>
      <c r="CT103" s="398"/>
      <c r="CU103" s="398"/>
      <c r="CV103" s="399"/>
      <c r="CW103" s="399"/>
      <c r="CX103" s="399"/>
      <c r="CY103" s="399"/>
    </row>
    <row r="104" spans="1:104" s="67" customFormat="1">
      <c r="A104" s="390"/>
      <c r="B104" s="391"/>
      <c r="C104" s="808"/>
      <c r="D104" s="391"/>
      <c r="E104" s="391"/>
      <c r="F104" s="391"/>
      <c r="G104" s="391"/>
      <c r="H104" s="392"/>
      <c r="I104" s="392"/>
      <c r="J104" s="392"/>
      <c r="K104" s="393"/>
      <c r="L104" s="393"/>
      <c r="M104" s="394"/>
      <c r="N104" s="394"/>
      <c r="O104" s="394"/>
      <c r="P104" s="394"/>
      <c r="Q104" s="394"/>
      <c r="R104" s="394"/>
      <c r="S104" s="394"/>
      <c r="T104" s="394"/>
      <c r="U104" s="394"/>
      <c r="V104" s="394"/>
      <c r="W104" s="394"/>
      <c r="X104" s="394"/>
      <c r="Y104" s="394"/>
      <c r="Z104" s="506"/>
      <c r="AA104" s="506"/>
      <c r="AB104" s="506"/>
      <c r="AC104" s="395"/>
      <c r="AD104" s="395"/>
      <c r="AE104" s="395"/>
      <c r="AF104" s="395"/>
      <c r="AG104" s="395"/>
      <c r="AH104" s="395"/>
      <c r="AI104" s="395"/>
      <c r="AJ104" s="395"/>
      <c r="AK104" s="395"/>
      <c r="AL104" s="395"/>
      <c r="AM104" s="395"/>
      <c r="AN104" s="395"/>
      <c r="AO104" s="395"/>
      <c r="AP104" s="395"/>
      <c r="AQ104" s="395"/>
      <c r="AR104" s="395"/>
      <c r="AS104" s="395"/>
      <c r="AT104" s="395"/>
      <c r="AU104" s="395"/>
      <c r="AV104" s="395"/>
      <c r="AW104" s="395"/>
      <c r="AX104" s="395"/>
      <c r="AY104" s="395"/>
      <c r="AZ104" s="395"/>
      <c r="BA104" s="395"/>
      <c r="BB104" s="395"/>
      <c r="BC104" s="395"/>
      <c r="BD104" s="395"/>
      <c r="BE104" s="395"/>
      <c r="BF104" s="395"/>
      <c r="BG104" s="395"/>
      <c r="BH104" s="395"/>
      <c r="BI104" s="395"/>
      <c r="BJ104" s="395"/>
      <c r="BK104" s="395"/>
      <c r="BL104" s="395"/>
      <c r="BM104" s="395"/>
      <c r="BN104" s="395"/>
      <c r="BO104" s="395"/>
      <c r="BP104" s="395"/>
      <c r="BQ104" s="395"/>
      <c r="BR104" s="395"/>
      <c r="BS104" s="395"/>
      <c r="BT104" s="395"/>
      <c r="BU104" s="395"/>
      <c r="BV104" s="395"/>
      <c r="BW104" s="395"/>
      <c r="BX104" s="391"/>
      <c r="BY104" s="395"/>
      <c r="BZ104" s="395"/>
      <c r="CA104" s="395"/>
      <c r="CB104" s="395"/>
      <c r="CC104" s="395"/>
      <c r="CD104"/>
      <c r="CE104" s="67" t="str">
        <f>IF( COUNTIF($AC104:$BW104,"◎")=1,INDEX($AC$15:$BW$15,AN222,MATCH("◎",$AC104:$BW104,0)),"" )</f>
        <v/>
      </c>
      <c r="CJ104" s="396"/>
      <c r="CK104" s="397"/>
      <c r="CL104" s="397"/>
      <c r="CM104" s="398"/>
      <c r="CN104" s="398"/>
      <c r="CO104" s="398"/>
      <c r="CP104" s="398"/>
      <c r="CQ104" s="398"/>
      <c r="CR104" s="398"/>
      <c r="CS104" s="398"/>
      <c r="CT104" s="398"/>
      <c r="CU104" s="398"/>
      <c r="CV104" s="399"/>
      <c r="CW104" s="399"/>
      <c r="CX104" s="399"/>
      <c r="CY104" s="399"/>
    </row>
    <row r="105" spans="1:104" s="67" customFormat="1">
      <c r="A105" s="390"/>
      <c r="B105" s="391"/>
      <c r="C105" s="808"/>
      <c r="D105" s="391"/>
      <c r="E105" s="391"/>
      <c r="F105" s="391"/>
      <c r="G105" s="391"/>
      <c r="H105" s="392"/>
      <c r="I105" s="392"/>
      <c r="J105" s="392"/>
      <c r="K105" s="393"/>
      <c r="L105" s="393"/>
      <c r="M105" s="394"/>
      <c r="N105" s="394"/>
      <c r="O105" s="394"/>
      <c r="P105" s="394"/>
      <c r="Q105" s="394"/>
      <c r="R105" s="394"/>
      <c r="S105" s="394"/>
      <c r="T105" s="394"/>
      <c r="U105" s="394"/>
      <c r="V105" s="394"/>
      <c r="W105" s="394"/>
      <c r="X105" s="394"/>
      <c r="Y105" s="394"/>
      <c r="Z105" s="506"/>
      <c r="AA105" s="506"/>
      <c r="AB105" s="506"/>
      <c r="AC105" s="395"/>
      <c r="AD105" s="395"/>
      <c r="AE105" s="395"/>
      <c r="AF105" s="395"/>
      <c r="AG105" s="395"/>
      <c r="AH105" s="395"/>
      <c r="AI105" s="395"/>
      <c r="AJ105" s="395"/>
      <c r="AK105" s="395"/>
      <c r="AL105" s="395"/>
      <c r="AM105" s="395"/>
      <c r="AN105" s="395"/>
      <c r="AO105" s="395"/>
      <c r="AP105" s="395"/>
      <c r="AQ105" s="395"/>
      <c r="AR105" s="395"/>
      <c r="AS105" s="395"/>
      <c r="AT105" s="395"/>
      <c r="AU105" s="395"/>
      <c r="AV105" s="395"/>
      <c r="AW105" s="395"/>
      <c r="AX105" s="395"/>
      <c r="AY105" s="395"/>
      <c r="AZ105" s="395"/>
      <c r="BA105" s="395"/>
      <c r="BB105" s="395"/>
      <c r="BC105" s="395"/>
      <c r="BD105" s="395"/>
      <c r="BE105" s="395"/>
      <c r="BF105" s="395"/>
      <c r="BG105" s="395"/>
      <c r="BH105" s="395"/>
      <c r="BI105" s="395"/>
      <c r="BJ105" s="395"/>
      <c r="BK105" s="395"/>
      <c r="BL105" s="395"/>
      <c r="BM105" s="395"/>
      <c r="BN105" s="395"/>
      <c r="BO105" s="395"/>
      <c r="BP105" s="395"/>
      <c r="BQ105" s="395"/>
      <c r="BR105" s="395"/>
      <c r="BS105" s="395"/>
      <c r="BT105" s="395"/>
      <c r="BU105" s="395"/>
      <c r="BV105" s="395"/>
      <c r="BW105" s="395"/>
      <c r="BX105" s="391"/>
      <c r="BY105" s="395"/>
      <c r="BZ105" s="395"/>
      <c r="CA105" s="395"/>
      <c r="CB105" s="395"/>
      <c r="CC105" s="395"/>
      <c r="CD105"/>
      <c r="CE105" s="67" t="str">
        <f>IF( COUNTIF($AC105:$BW105,"◎")=1,INDEX($AC$15:$BW$15,AN223,MATCH("◎",$AC105:$BW105,0)),"" )</f>
        <v/>
      </c>
      <c r="CJ105" s="396"/>
      <c r="CK105" s="397"/>
      <c r="CL105" s="397"/>
      <c r="CM105" s="398"/>
      <c r="CN105" s="398"/>
      <c r="CO105" s="398"/>
      <c r="CP105" s="398"/>
      <c r="CQ105" s="398"/>
      <c r="CR105" s="398"/>
      <c r="CS105" s="398"/>
      <c r="CT105" s="398"/>
      <c r="CU105" s="398"/>
      <c r="CV105" s="399"/>
      <c r="CW105" s="399"/>
      <c r="CX105" s="399"/>
      <c r="CY105" s="399"/>
    </row>
  </sheetData>
  <sheetProtection insertRows="0"/>
  <customSheetViews>
    <customSheetView guid="{96F83B05-D121-40EB-85BB-212F4250A2EA}" scale="70" showPageBreaks="1" fitToPage="1" printArea="1" view="pageBreakPreview" topLeftCell="A4">
      <selection activeCell="F10" sqref="F10"/>
      <pageMargins left="0.39370078740157483" right="0.39370078740157483" top="0.59055118110236227" bottom="0.78740157480314965" header="0.51181102362204722" footer="0.51181102362204722"/>
      <pageSetup paperSize="8" scale="47" fitToHeight="0" orientation="landscape" horizontalDpi="300" verticalDpi="300" r:id="rId1"/>
      <headerFooter alignWithMargins="0"/>
    </customSheetView>
  </customSheetViews>
  <mergeCells count="31">
    <mergeCell ref="A13:A15"/>
    <mergeCell ref="G13:G14"/>
    <mergeCell ref="D13:F14"/>
    <mergeCell ref="J13:L14"/>
    <mergeCell ref="B13:C14"/>
    <mergeCell ref="H13:I14"/>
    <mergeCell ref="M13:O14"/>
    <mergeCell ref="P13:W13"/>
    <mergeCell ref="Q14:W14"/>
    <mergeCell ref="CX1:CZ1"/>
    <mergeCell ref="H5:K5"/>
    <mergeCell ref="CJ14:CJ15"/>
    <mergeCell ref="AC13:BX14"/>
    <mergeCell ref="CF14:CI14"/>
    <mergeCell ref="BY13:CL13"/>
    <mergeCell ref="CE14:CE15"/>
    <mergeCell ref="CL14:CL15"/>
    <mergeCell ref="CK14:CK15"/>
    <mergeCell ref="BY14:CD14"/>
    <mergeCell ref="CM14:CT14"/>
    <mergeCell ref="CU14:CW14"/>
    <mergeCell ref="CM13:CW13"/>
    <mergeCell ref="AC12:CZ12"/>
    <mergeCell ref="X13:AB13"/>
    <mergeCell ref="AB14:AB15"/>
    <mergeCell ref="X14:Y14"/>
    <mergeCell ref="Z14:AA14"/>
    <mergeCell ref="CX14:CX15"/>
    <mergeCell ref="CZ14:CZ15"/>
    <mergeCell ref="CX13:CZ13"/>
    <mergeCell ref="CY14:CY15"/>
  </mergeCells>
  <phoneticPr fontId="7"/>
  <dataValidations count="21">
    <dataValidation allowBlank="1" showInputMessage="1" showErrorMessage="1" prompt="契約事業者名を記入してください。" sqref="BX21:BX100" xr:uid="{00000000-0002-0000-0600-000000000000}"/>
    <dataValidation type="list" allowBlank="1" showInputMessage="1" showErrorMessage="1" sqref="J11" xr:uid="{00000000-0002-0000-0600-000001000000}">
      <formula1>"該当なし"</formula1>
    </dataValidation>
    <dataValidation type="decimal" operator="greaterThanOrEqual" allowBlank="1" showInputMessage="1" showErrorMessage="1" sqref="H21:I100 H106:J65536" xr:uid="{00000000-0002-0000-0600-000002000000}">
      <formula1>0</formula1>
    </dataValidation>
    <dataValidation type="list" allowBlank="1" showInputMessage="1" showErrorMessage="1" prompt="契約事業者に◎_x000a_その他の入札参加事業者に○_x000a_裾切りにより入札に参加できなかった者に×" sqref="AC21:BW100" xr:uid="{00000000-0002-0000-0600-000003000000}">
      <formula1>"○,◎,×"</formula1>
    </dataValidation>
    <dataValidation allowBlank="1" showInputMessage="1" showErrorMessage="1" prompt="「電力供給会社が３者に満たない」及び「少額随契」以外の理由がある場合は、その理由を記入してください。" sqref="CT21:CT100" xr:uid="{00000000-0002-0000-0600-000004000000}"/>
    <dataValidation type="list" allowBlank="1" showInputMessage="1" showErrorMessage="1" sqref="CH20 CF16:CF20 CG17:CG18 CM16:CS100 CX16:CX100 Z16:Z100 O16:X100" xr:uid="{00000000-0002-0000-0600-000005000000}">
      <formula1>"○"</formula1>
    </dataValidation>
    <dataValidation type="list" allowBlank="1" showInputMessage="1" showErrorMessage="1" prompt="情報の開示方法として該当する項目に ○" sqref="CF21:CI100" xr:uid="{00000000-0002-0000-0600-000006000000}">
      <formula1>"○"</formula1>
    </dataValidation>
    <dataValidation type="list" allowBlank="1" showInputMessage="1" showErrorMessage="1" prompt="施設がある地域の旧一般電気事業者を選択。" sqref="D21:D100" xr:uid="{00000000-0002-0000-0600-000007000000}">
      <formula1>"北海道電力,東北電力,東京電力,中部電力,北陸電力,関西電力,中国電力,四国電力,九州電力,沖縄電力"</formula1>
    </dataValidation>
    <dataValidation type="whole" operator="greaterThanOrEqual" allowBlank="1" showInputMessage="1" showErrorMessage="1" promptTitle="複数年契約の場合は「複数年」、単年契約の場合は「単年」" sqref="K16:K100 L16:L20" xr:uid="{00000000-0002-0000-0600-000008000000}">
      <formula1>0</formula1>
    </dataValidation>
    <dataValidation type="list" allowBlank="1" showInputMessage="1" showErrorMessage="1" sqref="G16:G100" xr:uid="{00000000-0002-0000-0600-000009000000}">
      <formula1>"従量電灯,低圧電力"</formula1>
    </dataValidation>
    <dataValidation allowBlank="1" showInputMessage="1" showErrorMessage="1" prompt="「今後の見通し」で「実施困難」を選択した場合に、その具体的な理由を記入してください。" sqref="CW21:CW100" xr:uid="{00000000-0002-0000-0600-00000A000000}"/>
    <dataValidation allowBlank="1" showInputMessage="1" showErrorMessage="1" prompt="小数点以下第４位を切り捨て、小数点以下第３位まで記入してください。" sqref="CJ21:CJ100" xr:uid="{00000000-0002-0000-0600-00000B000000}"/>
    <dataValidation allowBlank="1" showInputMessage="1" showErrorMessage="1" prompt="小数点以下第２位を切り捨て、小数点以下第１位まで記入してください。" sqref="CK21:CK100" xr:uid="{00000000-0002-0000-0600-00000C000000}"/>
    <dataValidation allowBlank="1" showInputMessage="1" showErrorMessage="1" prompt="「その他」の内容を具体的に記述してください。" sqref="CD16:CD100" xr:uid="{00000000-0002-0000-0600-00000D000000}"/>
    <dataValidation allowBlank="1" showInputMessage="1" showErrorMessage="1" prompt="二酸化炭素排出係数以外の評価項目について〇印をつけてください。" sqref="CD1:CD13 CD101:CD65536 CD15" xr:uid="{00000000-0002-0000-0600-00000E000000}"/>
    <dataValidation type="list" allowBlank="1" showInputMessage="1" showErrorMessage="1" sqref="CY16:CY100" xr:uid="{00000000-0002-0000-0600-00000F000000}">
      <formula1>"実施予定,検討中,未検討,実施困難"</formula1>
    </dataValidation>
    <dataValidation type="list" allowBlank="1" showInputMessage="1" showErrorMessage="1" prompt="二酸化炭素排出係数以外の評価項目について〇印をつけてください。" sqref="BY16:CC100" xr:uid="{00000000-0002-0000-0600-000010000000}">
      <formula1>"〇"</formula1>
    </dataValidation>
    <dataValidation type="list" allowBlank="1" showInputMessage="1" showErrorMessage="1" sqref="Y16:Y100" xr:uid="{00000000-0002-0000-0600-000011000000}">
      <formula1>"5%,10%,15%,20%,25%,30%,35%,40%,45%,50%,55%,60%,65%,70%,75%,80%,85%,90%,95%,100%"</formula1>
    </dataValidation>
    <dataValidation type="list" allowBlank="1" showInputMessage="1" showErrorMessage="1" sqref="CU16:CU100" xr:uid="{00000000-0002-0000-0600-000012000000}">
      <formula1>"令和６年度分から実施済み,令和６年度分から実施予定,令和７年度分から実施予定,長期契約終了後に検討又は実施予定,実施時期を検討中,実施困難"</formula1>
    </dataValidation>
    <dataValidation type="list" allowBlank="1" showInputMessage="1" showErrorMessage="1" sqref="M16:M100" xr:uid="{00000000-0002-0000-0600-000013000000}">
      <formula1>"A,B,C,D,E"</formula1>
    </dataValidation>
    <dataValidation type="decimal" allowBlank="1" showInputMessage="1" showErrorMessage="1" sqref="AB16:AB100" xr:uid="{502310EE-4D02-462F-BA34-B05B83800443}">
      <formula1>0</formula1>
      <formula2>100</formula2>
    </dataValidation>
  </dataValidations>
  <pageMargins left="0.39370078740157483" right="0.39370078740157483" top="0.59055118110236227" bottom="0.78740157480314965" header="0.51181102362204722" footer="0.51181102362204722"/>
  <pageSetup paperSize="8" scale="29" orientation="landscape" horizontalDpi="300" verticalDpi="300" r:id="rId2"/>
  <headerFooter alignWithMargins="0"/>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8"/>
  <dimension ref="A1:K22"/>
  <sheetViews>
    <sheetView zoomScaleNormal="100" workbookViewId="0"/>
  </sheetViews>
  <sheetFormatPr defaultRowHeight="13.2"/>
  <cols>
    <col min="1" max="1" width="7.6640625" customWidth="1"/>
    <col min="2" max="3" width="15.77734375" customWidth="1"/>
    <col min="4" max="6" width="12.77734375" customWidth="1"/>
    <col min="7" max="7" width="12.6640625" customWidth="1"/>
    <col min="8" max="8" width="5.21875" customWidth="1"/>
    <col min="11" max="11" width="8.88671875" hidden="1" customWidth="1"/>
  </cols>
  <sheetData>
    <row r="1" spans="1:11" ht="20.100000000000001" customHeight="1">
      <c r="E1" s="364"/>
      <c r="G1" s="90" t="s">
        <v>775</v>
      </c>
    </row>
    <row r="2" spans="1:11">
      <c r="E2" s="317"/>
      <c r="G2" s="317"/>
      <c r="K2" t="s">
        <v>1164</v>
      </c>
    </row>
    <row r="3" spans="1:11" ht="19.2">
      <c r="A3" s="872" t="s">
        <v>777</v>
      </c>
      <c r="B3" s="872"/>
      <c r="C3" s="872"/>
      <c r="D3" s="872"/>
      <c r="E3" s="872"/>
      <c r="F3" s="872"/>
      <c r="G3" s="872"/>
      <c r="K3" t="s">
        <v>1165</v>
      </c>
    </row>
    <row r="4" spans="1:11" ht="19.2">
      <c r="E4" s="325"/>
      <c r="K4" t="s">
        <v>1166</v>
      </c>
    </row>
    <row r="5" spans="1:11">
      <c r="C5" s="363"/>
      <c r="D5" s="56"/>
      <c r="E5" s="56" t="s">
        <v>91</v>
      </c>
      <c r="F5" s="875" t="str">
        <f>【調達機関情報】!$D$69</f>
        <v>　</v>
      </c>
      <c r="G5" s="875"/>
      <c r="K5" t="s">
        <v>1167</v>
      </c>
    </row>
    <row r="6" spans="1:11">
      <c r="K6" t="s">
        <v>1174</v>
      </c>
    </row>
    <row r="7" spans="1:11">
      <c r="K7" t="s">
        <v>1175</v>
      </c>
    </row>
    <row r="8" spans="1:11" s="2" customFormat="1" ht="48" customHeight="1">
      <c r="A8" s="514" t="s">
        <v>1163</v>
      </c>
      <c r="B8" s="966" t="s">
        <v>1177</v>
      </c>
      <c r="C8" s="966"/>
      <c r="D8" s="966"/>
      <c r="E8" s="966"/>
      <c r="F8" s="966"/>
      <c r="G8" s="966"/>
    </row>
    <row r="10" spans="1:11" ht="15" customHeight="1">
      <c r="A10" s="712" t="s">
        <v>1170</v>
      </c>
      <c r="B10" s="713" t="s">
        <v>1178</v>
      </c>
      <c r="C10" s="710"/>
      <c r="D10" s="2" t="s">
        <v>1173</v>
      </c>
    </row>
    <row r="11" spans="1:11" ht="15" customHeight="1">
      <c r="A11" s="712"/>
      <c r="B11" s="714" t="s">
        <v>1176</v>
      </c>
      <c r="C11" s="711"/>
      <c r="D11" s="2" t="s">
        <v>1182</v>
      </c>
    </row>
    <row r="12" spans="1:11" ht="15" customHeight="1">
      <c r="A12" s="712" t="s">
        <v>1171</v>
      </c>
      <c r="B12" s="713" t="s">
        <v>1179</v>
      </c>
      <c r="C12" s="711"/>
      <c r="D12" s="2" t="s">
        <v>1181</v>
      </c>
    </row>
    <row r="13" spans="1:11" ht="15" customHeight="1">
      <c r="A13" s="712" t="s">
        <v>1172</v>
      </c>
      <c r="B13" s="713" t="s">
        <v>1184</v>
      </c>
      <c r="C13" s="711"/>
      <c r="D13" s="2" t="s">
        <v>1185</v>
      </c>
    </row>
    <row r="14" spans="1:11" ht="15" customHeight="1">
      <c r="A14" s="712" t="s">
        <v>1183</v>
      </c>
      <c r="B14" s="713" t="s">
        <v>1180</v>
      </c>
      <c r="C14" s="710"/>
      <c r="D14" s="2" t="s">
        <v>1173</v>
      </c>
    </row>
    <row r="16" spans="1:11" s="715" customFormat="1" ht="19.95" customHeight="1">
      <c r="B16" s="715" t="s">
        <v>1186</v>
      </c>
    </row>
    <row r="17" spans="1:7" ht="91.2" customHeight="1">
      <c r="A17" s="515"/>
      <c r="B17" s="963"/>
      <c r="C17" s="964"/>
      <c r="D17" s="964"/>
      <c r="E17" s="964"/>
      <c r="F17" s="964"/>
      <c r="G17" s="965"/>
    </row>
    <row r="20" spans="1:7" s="2" customFormat="1" ht="33" customHeight="1">
      <c r="A20" s="514" t="s">
        <v>1168</v>
      </c>
      <c r="B20" s="966" t="s">
        <v>1169</v>
      </c>
      <c r="C20" s="966"/>
      <c r="D20" s="966"/>
      <c r="E20" s="966"/>
      <c r="F20" s="966"/>
      <c r="G20" s="966"/>
    </row>
    <row r="22" spans="1:7" ht="91.2" customHeight="1">
      <c r="A22" s="515" t="s">
        <v>776</v>
      </c>
      <c r="B22" s="963"/>
      <c r="C22" s="964"/>
      <c r="D22" s="964"/>
      <c r="E22" s="964"/>
      <c r="F22" s="964"/>
      <c r="G22" s="965"/>
    </row>
  </sheetData>
  <mergeCells count="6">
    <mergeCell ref="B22:G22"/>
    <mergeCell ref="B17:G17"/>
    <mergeCell ref="B8:G8"/>
    <mergeCell ref="A3:G3"/>
    <mergeCell ref="F5:G5"/>
    <mergeCell ref="B20:G20"/>
  </mergeCells>
  <phoneticPr fontId="7"/>
  <dataValidations count="3">
    <dataValidation imeMode="on" allowBlank="1" showInputMessage="1" showErrorMessage="1" sqref="D5:F5" xr:uid="{00000000-0002-0000-0700-000000000000}"/>
    <dataValidation type="list" allowBlank="1" showInputMessage="1" showErrorMessage="1" sqref="C10" xr:uid="{00000000-0002-0000-0700-000001000000}">
      <formula1>$K$2:$K$5</formula1>
    </dataValidation>
    <dataValidation type="list" allowBlank="1" showInputMessage="1" showErrorMessage="1" sqref="C14" xr:uid="{00000000-0002-0000-0700-000002000000}">
      <formula1>$K$6:$K$7</formula1>
    </dataValidation>
  </dataValidations>
  <pageMargins left="0.7" right="0.7" top="0.75" bottom="0.75" header="0.3" footer="0.3"/>
  <pageSetup paperSize="9" scale="99" orientation="portrait" horizontalDpi="4294967293" verticalDpi="0" r:id="rId1"/>
  <colBreaks count="1" manualBreakCount="1">
    <brk id="7"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6"/>
  <dimension ref="A1:H48"/>
  <sheetViews>
    <sheetView view="pageBreakPreview" zoomScale="113" zoomScaleNormal="100" zoomScaleSheetLayoutView="100" workbookViewId="0"/>
  </sheetViews>
  <sheetFormatPr defaultRowHeight="13.2"/>
  <cols>
    <col min="1" max="1" width="9" customWidth="1"/>
    <col min="2" max="3" width="20.6640625" customWidth="1"/>
    <col min="4" max="4" width="3.44140625" customWidth="1"/>
    <col min="7" max="7" width="8.33203125" customWidth="1"/>
    <col min="8" max="8" width="11.109375" customWidth="1"/>
  </cols>
  <sheetData>
    <row r="1" spans="1:8" ht="20.100000000000001" customHeight="1">
      <c r="H1" s="90" t="s">
        <v>12</v>
      </c>
    </row>
    <row r="2" spans="1:8" ht="14.4" customHeight="1">
      <c r="G2" s="2"/>
    </row>
    <row r="3" spans="1:8" ht="19.2">
      <c r="A3" s="63" t="s">
        <v>1237</v>
      </c>
      <c r="B3" s="64"/>
      <c r="C3" s="64"/>
      <c r="D3" s="64"/>
      <c r="E3" s="64"/>
      <c r="F3" s="64"/>
      <c r="G3" s="64"/>
      <c r="H3" s="64"/>
    </row>
    <row r="5" spans="1:8">
      <c r="C5" s="363" t="s">
        <v>91</v>
      </c>
      <c r="D5" s="968" t="str">
        <f>【調達機関情報】!D69</f>
        <v>　</v>
      </c>
      <c r="E5" s="968"/>
      <c r="F5" s="968"/>
      <c r="G5" s="968"/>
      <c r="H5" s="968"/>
    </row>
    <row r="8" spans="1:8" ht="16.350000000000001" customHeight="1" thickBot="1">
      <c r="A8" s="9" t="s">
        <v>5</v>
      </c>
    </row>
    <row r="9" spans="1:8" s="2" customFormat="1" ht="21" customHeight="1" thickBot="1">
      <c r="A9" s="11"/>
      <c r="B9" s="970" t="s">
        <v>6</v>
      </c>
      <c r="C9" s="971"/>
      <c r="E9" s="967" t="s">
        <v>1289</v>
      </c>
      <c r="F9" s="967"/>
      <c r="G9" s="967"/>
      <c r="H9" s="967"/>
    </row>
    <row r="10" spans="1:8" ht="15" thickTop="1">
      <c r="A10" s="9"/>
      <c r="B10" s="13" t="s">
        <v>7</v>
      </c>
      <c r="C10" s="972" t="s">
        <v>8</v>
      </c>
      <c r="E10" s="967"/>
      <c r="F10" s="967"/>
      <c r="G10" s="967"/>
      <c r="H10" s="967"/>
    </row>
    <row r="11" spans="1:8" ht="27" customHeight="1">
      <c r="A11" s="9"/>
      <c r="B11" s="12" t="s">
        <v>9</v>
      </c>
      <c r="C11" s="973"/>
      <c r="E11" s="967"/>
      <c r="F11" s="967"/>
      <c r="G11" s="967"/>
      <c r="H11" s="967"/>
    </row>
    <row r="12" spans="1:8" s="2" customFormat="1" ht="26.25" customHeight="1" thickBot="1">
      <c r="A12" s="11"/>
      <c r="B12" s="100">
        <v>0</v>
      </c>
      <c r="C12" s="101">
        <v>0</v>
      </c>
      <c r="E12" s="967"/>
      <c r="F12" s="967"/>
      <c r="G12" s="967"/>
      <c r="H12" s="967"/>
    </row>
    <row r="13" spans="1:8" ht="15" thickBot="1">
      <c r="A13" s="9"/>
      <c r="E13" s="967"/>
      <c r="F13" s="967"/>
      <c r="G13" s="967"/>
      <c r="H13" s="967"/>
    </row>
    <row r="14" spans="1:8" s="2" customFormat="1" ht="21" customHeight="1" thickBot="1">
      <c r="A14" s="11"/>
      <c r="B14" s="970" t="s">
        <v>10</v>
      </c>
      <c r="C14" s="971"/>
      <c r="E14" s="967"/>
      <c r="F14" s="967"/>
      <c r="G14" s="967"/>
      <c r="H14" s="967"/>
    </row>
    <row r="15" spans="1:8" ht="15" customHeight="1" thickTop="1">
      <c r="A15" s="9"/>
      <c r="B15" s="13" t="s">
        <v>7</v>
      </c>
      <c r="C15" s="972" t="s">
        <v>11</v>
      </c>
      <c r="E15" s="967"/>
      <c r="F15" s="967"/>
      <c r="G15" s="967"/>
      <c r="H15" s="967"/>
    </row>
    <row r="16" spans="1:8" ht="27" customHeight="1">
      <c r="A16" s="9"/>
      <c r="B16" s="12" t="s">
        <v>9</v>
      </c>
      <c r="C16" s="973"/>
      <c r="E16" s="967"/>
      <c r="F16" s="967"/>
      <c r="G16" s="967"/>
      <c r="H16" s="967"/>
    </row>
    <row r="17" spans="1:8" s="2" customFormat="1" ht="26.25" customHeight="1" thickBot="1">
      <c r="A17" s="11"/>
      <c r="B17" s="100">
        <v>0</v>
      </c>
      <c r="C17" s="101">
        <v>0</v>
      </c>
      <c r="E17" s="967"/>
      <c r="F17" s="967"/>
      <c r="G17" s="967"/>
      <c r="H17" s="967"/>
    </row>
    <row r="18" spans="1:8" ht="14.4">
      <c r="A18" s="9"/>
      <c r="E18" s="297"/>
    </row>
    <row r="19" spans="1:8" ht="13.8">
      <c r="A19" s="10"/>
    </row>
    <row r="20" spans="1:8" ht="16.350000000000001" customHeight="1">
      <c r="A20" s="9" t="s">
        <v>13</v>
      </c>
    </row>
    <row r="21" spans="1:8" ht="16.350000000000001" customHeight="1">
      <c r="B21" t="s">
        <v>422</v>
      </c>
    </row>
    <row r="23" spans="1:8">
      <c r="B23" s="974" t="s">
        <v>423</v>
      </c>
      <c r="C23" s="975"/>
      <c r="D23" s="976"/>
      <c r="E23" s="194" t="s">
        <v>420</v>
      </c>
      <c r="F23" s="194" t="s">
        <v>421</v>
      </c>
    </row>
    <row r="24" spans="1:8">
      <c r="B24" s="331" t="s">
        <v>497</v>
      </c>
      <c r="C24" s="332"/>
      <c r="D24" s="332"/>
      <c r="E24" s="333">
        <v>0</v>
      </c>
      <c r="F24" s="333">
        <v>0</v>
      </c>
    </row>
    <row r="25" spans="1:8">
      <c r="B25" s="331" t="s">
        <v>426</v>
      </c>
      <c r="C25" s="332"/>
      <c r="D25" s="332"/>
      <c r="E25" s="333">
        <v>0</v>
      </c>
      <c r="F25" s="333">
        <v>0</v>
      </c>
    </row>
    <row r="26" spans="1:8">
      <c r="B26" s="331" t="s">
        <v>425</v>
      </c>
      <c r="C26" s="332"/>
      <c r="D26" s="332"/>
      <c r="E26" s="333">
        <v>0</v>
      </c>
      <c r="F26" s="333">
        <v>0</v>
      </c>
    </row>
    <row r="27" spans="1:8" ht="13.8" thickBot="1">
      <c r="B27" s="336" t="s">
        <v>424</v>
      </c>
      <c r="C27" s="337"/>
      <c r="D27" s="337"/>
      <c r="E27" s="338">
        <v>0</v>
      </c>
      <c r="F27" s="338">
        <v>0</v>
      </c>
    </row>
    <row r="28" spans="1:8" ht="13.8" thickTop="1">
      <c r="B28" s="334" t="s">
        <v>244</v>
      </c>
      <c r="C28" s="95"/>
      <c r="D28" s="95"/>
      <c r="E28" s="335">
        <f>SUM(E24:E25)</f>
        <v>0</v>
      </c>
      <c r="F28" s="335">
        <f>SUM(F24:F25)</f>
        <v>0</v>
      </c>
    </row>
    <row r="30" spans="1:8">
      <c r="B30" t="s">
        <v>427</v>
      </c>
    </row>
    <row r="31" spans="1:8" s="2" customFormat="1" ht="27" customHeight="1">
      <c r="B31" s="324" t="s">
        <v>428</v>
      </c>
      <c r="C31" s="969"/>
      <c r="D31" s="969"/>
      <c r="E31" s="969"/>
      <c r="F31" s="969"/>
      <c r="G31" s="969"/>
      <c r="H31" s="969"/>
    </row>
    <row r="32" spans="1:8" s="2" customFormat="1" ht="27" customHeight="1">
      <c r="B32" s="324" t="s">
        <v>429</v>
      </c>
      <c r="C32" s="969"/>
      <c r="D32" s="969"/>
      <c r="E32" s="969"/>
      <c r="F32" s="969"/>
      <c r="G32" s="969"/>
      <c r="H32" s="969"/>
    </row>
    <row r="33" spans="1:8" s="2" customFormat="1" ht="27" customHeight="1">
      <c r="B33" s="324" t="s">
        <v>430</v>
      </c>
      <c r="C33" s="969"/>
      <c r="D33" s="969"/>
      <c r="E33" s="969"/>
      <c r="F33" s="969"/>
      <c r="G33" s="969"/>
      <c r="H33" s="969"/>
    </row>
    <row r="35" spans="1:8" ht="13.8" thickBot="1"/>
    <row r="36" spans="1:8" ht="16.350000000000001" customHeight="1" thickBot="1">
      <c r="A36" s="9" t="s">
        <v>1290</v>
      </c>
      <c r="C36" s="981" t="s">
        <v>122</v>
      </c>
      <c r="D36" s="982"/>
      <c r="E36" s="816" t="s">
        <v>1291</v>
      </c>
      <c r="F36" s="815" t="s">
        <v>1292</v>
      </c>
    </row>
    <row r="37" spans="1:8">
      <c r="C37" s="983" t="s">
        <v>1293</v>
      </c>
      <c r="D37" s="984"/>
      <c r="E37" s="818">
        <v>0</v>
      </c>
      <c r="F37" s="819">
        <v>0</v>
      </c>
    </row>
    <row r="38" spans="1:8">
      <c r="C38" s="977" t="s">
        <v>1294</v>
      </c>
      <c r="D38" s="978"/>
      <c r="E38" s="820">
        <v>0</v>
      </c>
      <c r="F38" s="821">
        <v>0</v>
      </c>
    </row>
    <row r="39" spans="1:8">
      <c r="C39" s="977" t="s">
        <v>1295</v>
      </c>
      <c r="D39" s="978"/>
      <c r="E39" s="820">
        <v>0</v>
      </c>
      <c r="F39" s="821">
        <v>0</v>
      </c>
    </row>
    <row r="40" spans="1:8">
      <c r="C40" s="977" t="s">
        <v>1296</v>
      </c>
      <c r="D40" s="978"/>
      <c r="E40" s="820">
        <v>0</v>
      </c>
      <c r="F40" s="821">
        <v>0</v>
      </c>
    </row>
    <row r="41" spans="1:8">
      <c r="C41" s="977" t="s">
        <v>1344</v>
      </c>
      <c r="D41" s="978"/>
      <c r="E41" s="820">
        <v>0</v>
      </c>
      <c r="F41" s="821">
        <v>0</v>
      </c>
    </row>
    <row r="42" spans="1:8">
      <c r="C42" s="977" t="s">
        <v>1297</v>
      </c>
      <c r="D42" s="978"/>
      <c r="E42" s="820">
        <v>0</v>
      </c>
      <c r="F42" s="821">
        <v>0</v>
      </c>
    </row>
    <row r="43" spans="1:8">
      <c r="C43" s="829" t="s">
        <v>1298</v>
      </c>
      <c r="D43" s="830"/>
      <c r="E43" s="820">
        <v>0</v>
      </c>
      <c r="F43" s="821">
        <v>0</v>
      </c>
    </row>
    <row r="44" spans="1:8" ht="13.8" thickBot="1">
      <c r="C44" s="979" t="s">
        <v>1301</v>
      </c>
      <c r="D44" s="980"/>
      <c r="E44" s="831">
        <v>0</v>
      </c>
      <c r="F44" s="832">
        <v>0</v>
      </c>
    </row>
    <row r="45" spans="1:8" ht="13.8" thickBot="1">
      <c r="C45" s="814" t="s">
        <v>244</v>
      </c>
      <c r="D45" s="817"/>
      <c r="E45" s="822">
        <f>SUM(E37:E44)</f>
        <v>0</v>
      </c>
      <c r="F45" s="823">
        <f>SUM(F37:F44)</f>
        <v>0</v>
      </c>
    </row>
    <row r="46" spans="1:8">
      <c r="C46" s="824" t="s">
        <v>1299</v>
      </c>
    </row>
    <row r="47" spans="1:8">
      <c r="C47" s="824" t="s">
        <v>1300</v>
      </c>
    </row>
    <row r="48" spans="1:8">
      <c r="C48" s="824" t="s">
        <v>1305</v>
      </c>
    </row>
  </sheetData>
  <customSheetViews>
    <customSheetView guid="{96F83B05-D121-40EB-85BB-212F4250A2EA}" scale="85" showPageBreaks="1" printArea="1" view="pageBreakPreview">
      <pageMargins left="0.39370078740157483" right="0.39370078740157483" top="0.98425196850393704" bottom="0.98425196850393704" header="0.51181102362204722" footer="0.51181102362204722"/>
      <pageSetup paperSize="9" orientation="portrait" r:id="rId1"/>
      <headerFooter alignWithMargins="0"/>
    </customSheetView>
    <customSheetView guid="{0199004E-6640-4BE5-B2D5-6A0A715378D4}" showPageBreaks="1" printArea="1" view="pageBreakPreview">
      <pageMargins left="0.39370078740157483" right="0.39370078740157483" top="0.98425196850393704" bottom="0.98425196850393704" header="0.51181102362204722" footer="0.51181102362204722"/>
      <pageSetup paperSize="9" orientation="portrait" r:id="rId2"/>
      <headerFooter alignWithMargins="0"/>
    </customSheetView>
  </customSheetViews>
  <mergeCells count="18">
    <mergeCell ref="C42:D42"/>
    <mergeCell ref="C44:D44"/>
    <mergeCell ref="C36:D36"/>
    <mergeCell ref="C39:D39"/>
    <mergeCell ref="C37:D37"/>
    <mergeCell ref="C38:D38"/>
    <mergeCell ref="C40:D40"/>
    <mergeCell ref="C41:D41"/>
    <mergeCell ref="E9:H17"/>
    <mergeCell ref="D5:H5"/>
    <mergeCell ref="C31:H31"/>
    <mergeCell ref="C32:H32"/>
    <mergeCell ref="C33:H33"/>
    <mergeCell ref="B9:C9"/>
    <mergeCell ref="C10:C11"/>
    <mergeCell ref="C15:C16"/>
    <mergeCell ref="B14:C14"/>
    <mergeCell ref="B23:D23"/>
  </mergeCells>
  <phoneticPr fontId="7"/>
  <dataValidations count="3">
    <dataValidation type="decimal" imeMode="disabled" operator="greaterThanOrEqual" allowBlank="1" showInputMessage="1" showErrorMessage="1" prompt="調達した自動車のうち総合評価落札方式によるものの台数を記入する。" sqref="C17 C12" xr:uid="{00000000-0002-0000-0800-000000000000}">
      <formula1>0</formula1>
    </dataValidation>
    <dataValidation type="decimal" imeMode="disabled" operator="greaterThanOrEqual" allowBlank="1" showInputMessage="1" showErrorMessage="1" prompt="自動車の賃貸借台数の総数を記入してください。" sqref="B17" xr:uid="{00000000-0002-0000-0800-000001000000}">
      <formula1>0</formula1>
    </dataValidation>
    <dataValidation type="decimal" imeMode="disabled" operator="greaterThanOrEqual" allowBlank="1" showInputMessage="1" showErrorMessage="1" prompt="自動車の購入台数の総数を記入してください。" sqref="B12" xr:uid="{00000000-0002-0000-0800-000002000000}">
      <formula1>0</formula1>
    </dataValidation>
  </dataValidations>
  <pageMargins left="0.39370078740157483" right="0.39370078740157483" top="0.78740157480314965" bottom="0.78740157480314965" header="0.51181102362204722" footer="0.51181102362204722"/>
  <pageSetup paperSize="9" orientation="portrait" r:id="rId3"/>
  <headerFooter alignWithMargins="0"/>
  <ignoredErrors>
    <ignoredError sqref="D5" unlockedFormula="1"/>
    <ignoredError sqref="E28:F28" formulaRange="1"/>
  </ignoredErrors>
</worksheet>
</file>

<file path=customXml/_rels/item1.xml.rels><?xml version="1.0" encoding="UTF-8" standalone="yes"?><Relationships xmlns="http://schemas.openxmlformats.org/package/2006/relationships"><Relationship Id="rId1" Target="itemProps1.xml" Type="http://schemas.openxmlformats.org/officeDocument/2006/relationships/customXmlProps"/></Relationships>
</file>

<file path=customXml/_rels/item2.xml.rels><?xml version="1.0" encoding="UTF-8" standalone="yes"?><Relationships xmlns="http://schemas.openxmlformats.org/package/2006/relationships"><Relationship Id="rId1" Target="itemProps2.xml" Type="http://schemas.openxmlformats.org/officeDocument/2006/relationships/customXmlProps"/></Relationships>
</file>

<file path=customXml/_rels/item3.xml.rels><?xml version="1.0" encoding="UTF-8" standalone="yes"?><Relationships xmlns="http://schemas.openxmlformats.org/package/2006/relationships"><Relationship Id="rId1" Target="itemProps3.xml" Type="http://schemas.openxmlformats.org/officeDocument/2006/relationships/customXmlProps"/></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15B3CB8B7167914BACF3B6FECA535FB8" ma:contentTypeVersion="14" ma:contentTypeDescription="新しいドキュメントを作成します。" ma:contentTypeScope="" ma:versionID="52234ad15a8311046f241d8266c003e9">
  <xsd:schema xmlns:xsd="http://www.w3.org/2001/XMLSchema" xmlns:xs="http://www.w3.org/2001/XMLSchema" xmlns:p="http://schemas.microsoft.com/office/2006/metadata/properties" xmlns:ns2="acd276d6-825f-4adf-b230-fb8f800f4f96" xmlns:ns3="e9d33e58-4a70-4799-89b5-fbd48a9ef91c" targetNamespace="http://schemas.microsoft.com/office/2006/metadata/properties" ma:root="true" ma:fieldsID="ccedd9dd2988c165a1a4a5943ed5c859" ns2:_="" ns3:_="">
    <xsd:import namespace="acd276d6-825f-4adf-b230-fb8f800f4f96"/>
    <xsd:import namespace="e9d33e58-4a70-4799-89b5-fbd48a9ef91c"/>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DateTaken" minOccurs="0"/>
                <xsd:element ref="ns2:MediaServiceOCR" minOccurs="0"/>
                <xsd:element ref="ns2:MediaServiceLocation"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acd276d6-825f-4adf-b230-fb8f800f4f9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lcf76f155ced4ddcb4097134ff3c332f" ma:index="16"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DateTaken" ma:index="18" nillable="true" ma:displayName="MediaServiceDateTaken" ma:hidden="true" ma:indexed="true" ma:internalName="MediaServiceDateTaken"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Location" ma:index="20" nillable="true" ma:displayName="Location" ma:description="" ma:indexed="true" ma:internalName="MediaServiceLocation" ma:readOnly="true">
      <xsd:simpleType>
        <xsd:restriction base="dms:Text"/>
      </xsd:simpleType>
    </xsd:element>
    <xsd:element name="MediaServiceBillingMetadata" ma:index="21"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e9d33e58-4a70-4799-89b5-fbd48a9ef91c" elementFormDefault="qualified">
    <xsd:import namespace="http://schemas.microsoft.com/office/2006/documentManagement/types"/>
    <xsd:import namespace="http://schemas.microsoft.com/office/infopath/2007/PartnerControls"/>
    <xsd:element name="TaxCatchAll" ma:index="17" nillable="true" ma:displayName="Taxonomy Catch All Column" ma:hidden="true" ma:list="{005c10d3-8ddc-45f9-9d29-4fe495a40e50}" ma:internalName="TaxCatchAll" ma:showField="CatchAllData" ma:web="e9d33e58-4a70-4799-89b5-fbd48a9ef91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TaxCatchAll xmlns="e9d33e58-4a70-4799-89b5-fbd48a9ef91c" xsi:nil="true"/>
    <lcf76f155ced4ddcb4097134ff3c332f xmlns="acd276d6-825f-4adf-b230-fb8f800f4f96">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E70D91E-5C70-45F0-A633-0A948A90E3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acd276d6-825f-4adf-b230-fb8f800f4f96"/>
    <ds:schemaRef ds:uri="e9d33e58-4a70-4799-89b5-fbd48a9ef91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1562847-2428-47D6-9493-5A13EAA20CA6}">
  <ds:schemaRefs>
    <ds:schemaRef ds:uri="http://schemas.microsoft.com/office/2006/metadata/properties"/>
    <ds:schemaRef ds:uri="http://schemas.microsoft.com/office/infopath/2007/PartnerControls"/>
    <ds:schemaRef ds:uri="0454e445-24c6-42bd-81c6-3c3397b5cfe9"/>
    <ds:schemaRef ds:uri="a6f4d0f9-d1b2-454c-a056-ff8e13498c24"/>
    <ds:schemaRef ds:uri="e9d33e58-4a70-4799-89b5-fbd48a9ef91c"/>
    <ds:schemaRef ds:uri="acd276d6-825f-4adf-b230-fb8f800f4f96"/>
  </ds:schemaRefs>
</ds:datastoreItem>
</file>

<file path=customXml/itemProps3.xml><?xml version="1.0" encoding="utf-8"?>
<ds:datastoreItem xmlns:ds="http://schemas.openxmlformats.org/officeDocument/2006/customXml" ds:itemID="{47BCB54C-A648-4DA8-ABE4-716CD0C411A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29</vt:i4>
      </vt:variant>
      <vt:variant>
        <vt:lpstr>名前付き一覧</vt:lpstr>
      </vt:variant>
      <vt:variant>
        <vt:i4>24</vt:i4>
      </vt:variant>
    </vt:vector>
  </HeadingPairs>
  <TitlesOfParts>
    <vt:vector size="53" baseType="lpstr">
      <vt:lpstr>はじめに</vt:lpstr>
      <vt:lpstr>留意点</vt:lpstr>
      <vt:lpstr>Sheet1</vt:lpstr>
      <vt:lpstr>【調達機関情報】</vt:lpstr>
      <vt:lpstr>【1-1】電気（概要）</vt:lpstr>
      <vt:lpstr>【1-2】電気（高圧・特別高圧）</vt:lpstr>
      <vt:lpstr>【1-3】電気（低圧等）</vt:lpstr>
      <vt:lpstr>【1-4】電気（アンケート）</vt:lpstr>
      <vt:lpstr>【2-1】自動車（概要）</vt:lpstr>
      <vt:lpstr>【2-2】自動車（詳細）</vt:lpstr>
      <vt:lpstr>【3-1】船舶1（概略設計・基本設計）</vt:lpstr>
      <vt:lpstr>【3-2】船舶2（小型船舶）</vt:lpstr>
      <vt:lpstr>【4-1A】建築物設計（概要）</vt:lpstr>
      <vt:lpstr>【4-1B】建築物設計（詳細）</vt:lpstr>
      <vt:lpstr>【4-2A】建築物維持管理（概要）</vt:lpstr>
      <vt:lpstr>【4-2B】建築物維持管理（詳細）</vt:lpstr>
      <vt:lpstr>【4-2B】建築物維持管理（詳細）※記載例</vt:lpstr>
      <vt:lpstr>一覧</vt:lpstr>
      <vt:lpstr>【4-3A】建築物改修（改修計画）</vt:lpstr>
      <vt:lpstr>【4-3B】建築物改修（ESCO検討）</vt:lpstr>
      <vt:lpstr>【4-3C】建築物改修（ESCO事業）</vt:lpstr>
      <vt:lpstr>【4-3D】建築物改修（その他概要）</vt:lpstr>
      <vt:lpstr>【4-3E】建築物改修（その他詳細）</vt:lpstr>
      <vt:lpstr>【4-3E】建築物改修（その他詳細）※記載例</vt:lpstr>
      <vt:lpstr>【5-1】産廃（概要）</vt:lpstr>
      <vt:lpstr>【5-2】産廃（詳細）</vt:lpstr>
      <vt:lpstr>【5-3】産廃（アンケート）</vt:lpstr>
      <vt:lpstr>(参考)産廃換算表</vt:lpstr>
      <vt:lpstr>【6】その他</vt:lpstr>
      <vt:lpstr>'(参考)産廃換算表'!Print_Area</vt:lpstr>
      <vt:lpstr>'【1-1】電気（概要）'!Print_Area</vt:lpstr>
      <vt:lpstr>'【1-2】電気（高圧・特別高圧）'!Print_Area</vt:lpstr>
      <vt:lpstr>'【1-3】電気（低圧等）'!Print_Area</vt:lpstr>
      <vt:lpstr>'【2-1】自動車（概要）'!Print_Area</vt:lpstr>
      <vt:lpstr>'【2-2】自動車（詳細）'!Print_Area</vt:lpstr>
      <vt:lpstr>'【4-1B】建築物設計（詳細）'!Print_Area</vt:lpstr>
      <vt:lpstr>'【4-2A】建築物維持管理（概要）'!Print_Area</vt:lpstr>
      <vt:lpstr>'【4-2B】建築物維持管理（詳細）'!Print_Area</vt:lpstr>
      <vt:lpstr>'【4-2B】建築物維持管理（詳細）※記載例'!Print_Area</vt:lpstr>
      <vt:lpstr>'【4-3A】建築物改修（改修計画）'!Print_Area</vt:lpstr>
      <vt:lpstr>'【4-3B】建築物改修（ESCO検討）'!Print_Area</vt:lpstr>
      <vt:lpstr>'【4-3C】建築物改修（ESCO事業）'!Print_Area</vt:lpstr>
      <vt:lpstr>'【4-3D】建築物改修（その他概要）'!Print_Area</vt:lpstr>
      <vt:lpstr>'【4-3E】建築物改修（その他詳細）'!Print_Area</vt:lpstr>
      <vt:lpstr>'【4-3E】建築物改修（その他詳細）※記載例'!Print_Area</vt:lpstr>
      <vt:lpstr>'【5-1】産廃（概要）'!Print_Area</vt:lpstr>
      <vt:lpstr>'【5-2】産廃（詳細）'!Print_Area</vt:lpstr>
      <vt:lpstr>'【5-3】産廃（アンケート）'!Print_Area</vt:lpstr>
      <vt:lpstr>【調達機関情報】!Print_Area</vt:lpstr>
      <vt:lpstr>はじめに!Print_Area</vt:lpstr>
      <vt:lpstr>留意点!Print_Area</vt:lpstr>
      <vt:lpstr>'【1-2】電気（高圧・特別高圧）'!Print_Titles</vt:lpstr>
      <vt:lpstr>'【1-3】電気（低圧等）'!Print_Titles</vt:lpstr>
    </vt:vector>
  </TitlesOfParts>
  <LinksUpToDate>false</LinksUpToDate>
  <SharedDoc>false</SharedDoc>
  <HyperlinksChanged>false</HyperlinksChanged>
</Properties>
</file>

<file path=docProps/core.xml><?xml version="1.0" encoding="utf-8"?>
<cp:coreProperties xmlns:cp="http://schemas.openxmlformats.org/package/2006/metadata/core-properties" xmlns:dc="http://purl.org/dc/elements/1.1/" xmlns:dcterms="http://purl.org/dc/terms/" xmlns:xsi="http://www.w3.org/2001/XMLSchema-instance"/>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B3CB8B7167914BACF3B6FECA535FB8</vt:lpwstr>
  </property>
  <property fmtid="{D5CDD505-2E9C-101B-9397-08002B2CF9AE}" pid="3" name="MediaServiceImageTags">
    <vt:lpwstr/>
  </property>
</Properties>
</file>